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wdp" ContentType="image/vnd.ms-photo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Masters/slideMaster4.xml" ContentType="application/vnd.openxmlformats-officedocument.presentationml.slideMaster+xml"/>
  <Override PartName="/ppt/slideMasters/slideMaster5.xml" ContentType="application/vnd.openxmlformats-officedocument.presentationml.slideMaster+xml"/>
  <Override PartName="/ppt/slideMasters/slideMaster6.xml" ContentType="application/vnd.openxmlformats-officedocument.presentationml.slideMaster+xml"/>
  <Override PartName="/ppt/slideMasters/slideMaster7.xml" ContentType="application/vnd.openxmlformats-officedocument.presentationml.slideMaster+xml"/>
  <Override PartName="/ppt/slideMasters/slideMaster8.xml" ContentType="application/vnd.openxmlformats-officedocument.presentationml.slideMaster+xml"/>
  <Override PartName="/ppt/slideMasters/slideMaster9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tags/tag12.xml" ContentType="application/vnd.openxmlformats-officedocument.presentationml.tags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slideLayouts/slideLayout50.xml" ContentType="application/vnd.openxmlformats-officedocument.presentationml.slideLayout+xml"/>
  <Override PartName="/ppt/slideLayouts/slideLayout51.xml" ContentType="application/vnd.openxmlformats-officedocument.presentationml.slideLayout+xml"/>
  <Override PartName="/ppt/slideLayouts/slideLayout52.xml" ContentType="application/vnd.openxmlformats-officedocument.presentationml.slideLayout+xml"/>
  <Override PartName="/ppt/slideLayouts/slideLayout53.xml" ContentType="application/vnd.openxmlformats-officedocument.presentationml.slideLayout+xml"/>
  <Override PartName="/ppt/slideLayouts/slideLayout54.xml" ContentType="application/vnd.openxmlformats-officedocument.presentationml.slideLayout+xml"/>
  <Override PartName="/ppt/slideLayouts/slideLayout55.xml" ContentType="application/vnd.openxmlformats-officedocument.presentationml.slideLayout+xml"/>
  <Override PartName="/ppt/slideLayouts/slideLayout56.xml" ContentType="application/vnd.openxmlformats-officedocument.presentationml.slideLayout+xml"/>
  <Override PartName="/ppt/slideLayouts/slideLayout57.xml" ContentType="application/vnd.openxmlformats-officedocument.presentationml.slideLayout+xml"/>
  <Override PartName="/ppt/slideLayouts/slideLayout58.xml" ContentType="application/vnd.openxmlformats-officedocument.presentationml.slideLayout+xml"/>
  <Override PartName="/ppt/slideLayouts/slideLayout59.xml" ContentType="application/vnd.openxmlformats-officedocument.presentationml.slideLayout+xml"/>
  <Override PartName="/ppt/slideLayouts/slideLayout60.xml" ContentType="application/vnd.openxmlformats-officedocument.presentationml.slideLayout+xml"/>
  <Override PartName="/ppt/slideLayouts/slideLayout61.xml" ContentType="application/vnd.openxmlformats-officedocument.presentationml.slideLayout+xml"/>
  <Override PartName="/ppt/slideLayouts/slideLayout62.xml" ContentType="application/vnd.openxmlformats-officedocument.presentationml.slideLayout+xml"/>
  <Override PartName="/ppt/slideLayouts/slideLayout63.xml" ContentType="application/vnd.openxmlformats-officedocument.presentationml.slideLayout+xml"/>
  <Override PartName="/ppt/slideLayouts/slideLayout64.xml" ContentType="application/vnd.openxmlformats-officedocument.presentationml.slideLayout+xml"/>
  <Override PartName="/ppt/slideLayouts/slideLayout65.xml" ContentType="application/vnd.openxmlformats-officedocument.presentationml.slideLayout+xml"/>
  <Override PartName="/ppt/slideLayouts/slideLayout66.xml" ContentType="application/vnd.openxmlformats-officedocument.presentationml.slideLayout+xml"/>
  <Override PartName="/ppt/slideLayouts/slideLayout67.xml" ContentType="application/vnd.openxmlformats-officedocument.presentationml.slideLayout+xml"/>
  <Override PartName="/ppt/slideLayouts/slideLayout68.xml" ContentType="application/vnd.openxmlformats-officedocument.presentationml.slideLayout+xml"/>
  <Override PartName="/ppt/slideLayouts/slideLayout69.xml" ContentType="application/vnd.openxmlformats-officedocument.presentationml.slideLayout+xml"/>
  <Override PartName="/ppt/slideLayouts/slideLayout70.xml" ContentType="application/vnd.openxmlformats-officedocument.presentationml.slideLayout+xml"/>
  <Override PartName="/ppt/slideLayouts/slideLayout71.xml" ContentType="application/vnd.openxmlformats-officedocument.presentationml.slideLayout+xml"/>
  <Override PartName="/ppt/slideLayouts/slideLayout72.xml" ContentType="application/vnd.openxmlformats-officedocument.presentationml.slideLayout+xml"/>
  <Override PartName="/ppt/slideLayouts/slideLayout73.xml" ContentType="application/vnd.openxmlformats-officedocument.presentationml.slideLayout+xml"/>
  <Override PartName="/ppt/slideLayouts/slideLayout74.xml" ContentType="application/vnd.openxmlformats-officedocument.presentationml.slideLayout+xml"/>
  <Override PartName="/ppt/slideLayouts/slideLayout75.xml" ContentType="application/vnd.openxmlformats-officedocument.presentationml.slideLayout+xml"/>
  <Override PartName="/ppt/slideLayouts/slideLayout76.xml" ContentType="application/vnd.openxmlformats-officedocument.presentationml.slideLayout+xml"/>
  <Override PartName="/ppt/slideLayouts/slideLayout77.xml" ContentType="application/vnd.openxmlformats-officedocument.presentationml.slideLayout+xml"/>
  <Override PartName="/ppt/slideLayouts/slideLayout78.xml" ContentType="application/vnd.openxmlformats-officedocument.presentationml.slideLayout+xml"/>
  <Override PartName="/ppt/slideLayouts/slideLayout79.xml" ContentType="application/vnd.openxmlformats-officedocument.presentationml.slideLayout+xml"/>
  <Override PartName="/ppt/slideLayouts/slideLayout80.xml" ContentType="application/vnd.openxmlformats-officedocument.presentationml.slideLayout+xml"/>
  <Override PartName="/ppt/slideLayouts/slideLayout81.xml" ContentType="application/vnd.openxmlformats-officedocument.presentationml.slideLayout+xml"/>
  <Override PartName="/ppt/slideLayouts/slideLayout82.xml" ContentType="application/vnd.openxmlformats-officedocument.presentationml.slideLayout+xml"/>
  <Override PartName="/ppt/theme/theme2.xml" ContentType="application/vnd.openxmlformats-officedocument.theme+xml"/>
  <Override PartName="/ppt/tags/tag13.xml" ContentType="application/vnd.openxmlformats-officedocument.presentationml.tags+xml"/>
  <Override PartName="/ppt/tags/tag14.xml" ContentType="application/vnd.openxmlformats-officedocument.presentationml.tags+xml"/>
  <Override PartName="/ppt/tags/tag15.xml" ContentType="application/vnd.openxmlformats-officedocument.presentationml.tags+xml"/>
  <Override PartName="/ppt/tags/tag16.xml" ContentType="application/vnd.openxmlformats-officedocument.presentationml.tags+xml"/>
  <Override PartName="/ppt/tags/tag17.xml" ContentType="application/vnd.openxmlformats-officedocument.presentationml.tags+xml"/>
  <Override PartName="/ppt/tags/tag18.xml" ContentType="application/vnd.openxmlformats-officedocument.presentationml.tags+xml"/>
  <Override PartName="/ppt/tags/tag19.xml" ContentType="application/vnd.openxmlformats-officedocument.presentationml.tags+xml"/>
  <Override PartName="/ppt/tags/tag20.xml" ContentType="application/vnd.openxmlformats-officedocument.presentationml.tags+xml"/>
  <Override PartName="/ppt/tags/tag21.xml" ContentType="application/vnd.openxmlformats-officedocument.presentationml.tags+xml"/>
  <Override PartName="/ppt/tags/tag22.xml" ContentType="application/vnd.openxmlformats-officedocument.presentationml.tags+xml"/>
  <Override PartName="/ppt/tags/tag23.xml" ContentType="application/vnd.openxmlformats-officedocument.presentationml.tags+xml"/>
  <Override PartName="/ppt/tags/tag24.xml" ContentType="application/vnd.openxmlformats-officedocument.presentationml.tags+xml"/>
  <Override PartName="/ppt/slideLayouts/slideLayout83.xml" ContentType="application/vnd.openxmlformats-officedocument.presentationml.slideLayout+xml"/>
  <Override PartName="/ppt/slideLayouts/slideLayout84.xml" ContentType="application/vnd.openxmlformats-officedocument.presentationml.slideLayout+xml"/>
  <Override PartName="/ppt/slideLayouts/slideLayout85.xml" ContentType="application/vnd.openxmlformats-officedocument.presentationml.slideLayout+xml"/>
  <Override PartName="/ppt/slideLayouts/slideLayout86.xml" ContentType="application/vnd.openxmlformats-officedocument.presentationml.slideLayout+xml"/>
  <Override PartName="/ppt/slideLayouts/slideLayout87.xml" ContentType="application/vnd.openxmlformats-officedocument.presentationml.slideLayout+xml"/>
  <Override PartName="/ppt/slideLayouts/slideLayout88.xml" ContentType="application/vnd.openxmlformats-officedocument.presentationml.slideLayout+xml"/>
  <Override PartName="/ppt/slideLayouts/slideLayout89.xml" ContentType="application/vnd.openxmlformats-officedocument.presentationml.slideLayout+xml"/>
  <Override PartName="/ppt/slideLayouts/slideLayout90.xml" ContentType="application/vnd.openxmlformats-officedocument.presentationml.slideLayout+xml"/>
  <Override PartName="/ppt/slideLayouts/slideLayout91.xml" ContentType="application/vnd.openxmlformats-officedocument.presentationml.slideLayout+xml"/>
  <Override PartName="/ppt/slideLayouts/slideLayout92.xml" ContentType="application/vnd.openxmlformats-officedocument.presentationml.slideLayout+xml"/>
  <Override PartName="/ppt/slideLayouts/slideLayout93.xml" ContentType="application/vnd.openxmlformats-officedocument.presentationml.slideLayout+xml"/>
  <Override PartName="/ppt/slideLayouts/slideLayout94.xml" ContentType="application/vnd.openxmlformats-officedocument.presentationml.slideLayout+xml"/>
  <Override PartName="/ppt/slideLayouts/slideLayout95.xml" ContentType="application/vnd.openxmlformats-officedocument.presentationml.slideLayout+xml"/>
  <Override PartName="/ppt/slideLayouts/slideLayout96.xml" ContentType="application/vnd.openxmlformats-officedocument.presentationml.slideLayout+xml"/>
  <Override PartName="/ppt/slideLayouts/slideLayout97.xml" ContentType="application/vnd.openxmlformats-officedocument.presentationml.slideLayout+xml"/>
  <Override PartName="/ppt/slideLayouts/slideLayout98.xml" ContentType="application/vnd.openxmlformats-officedocument.presentationml.slideLayout+xml"/>
  <Override PartName="/ppt/slideLayouts/slideLayout99.xml" ContentType="application/vnd.openxmlformats-officedocument.presentationml.slideLayout+xml"/>
  <Override PartName="/ppt/slideLayouts/slideLayout100.xml" ContentType="application/vnd.openxmlformats-officedocument.presentationml.slideLayout+xml"/>
  <Override PartName="/ppt/slideLayouts/slideLayout101.xml" ContentType="application/vnd.openxmlformats-officedocument.presentationml.slideLayout+xml"/>
  <Override PartName="/ppt/slideLayouts/slideLayout102.xml" ContentType="application/vnd.openxmlformats-officedocument.presentationml.slideLayout+xml"/>
  <Override PartName="/ppt/slideLayouts/slideLayout103.xml" ContentType="application/vnd.openxmlformats-officedocument.presentationml.slideLayout+xml"/>
  <Override PartName="/ppt/slideLayouts/slideLayout104.xml" ContentType="application/vnd.openxmlformats-officedocument.presentationml.slideLayout+xml"/>
  <Override PartName="/ppt/slideLayouts/slideLayout105.xml" ContentType="application/vnd.openxmlformats-officedocument.presentationml.slideLayout+xml"/>
  <Override PartName="/ppt/slideLayouts/slideLayout106.xml" ContentType="application/vnd.openxmlformats-officedocument.presentationml.slideLayout+xml"/>
  <Override PartName="/ppt/slideLayouts/slideLayout107.xml" ContentType="application/vnd.openxmlformats-officedocument.presentationml.slideLayout+xml"/>
  <Override PartName="/ppt/slideLayouts/slideLayout108.xml" ContentType="application/vnd.openxmlformats-officedocument.presentationml.slideLayout+xml"/>
  <Override PartName="/ppt/slideLayouts/slideLayout109.xml" ContentType="application/vnd.openxmlformats-officedocument.presentationml.slideLayout+xml"/>
  <Override PartName="/ppt/slideLayouts/slideLayout110.xml" ContentType="application/vnd.openxmlformats-officedocument.presentationml.slideLayout+xml"/>
  <Override PartName="/ppt/slideLayouts/slideLayout111.xml" ContentType="application/vnd.openxmlformats-officedocument.presentationml.slideLayout+xml"/>
  <Override PartName="/ppt/slideLayouts/slideLayout112.xml" ContentType="application/vnd.openxmlformats-officedocument.presentationml.slideLayout+xml"/>
  <Override PartName="/ppt/slideLayouts/slideLayout113.xml" ContentType="application/vnd.openxmlformats-officedocument.presentationml.slideLayout+xml"/>
  <Override PartName="/ppt/slideLayouts/slideLayout114.xml" ContentType="application/vnd.openxmlformats-officedocument.presentationml.slideLayout+xml"/>
  <Override PartName="/ppt/slideLayouts/slideLayout115.xml" ContentType="application/vnd.openxmlformats-officedocument.presentationml.slideLayout+xml"/>
  <Override PartName="/ppt/slideLayouts/slideLayout116.xml" ContentType="application/vnd.openxmlformats-officedocument.presentationml.slideLayout+xml"/>
  <Override PartName="/ppt/slideLayouts/slideLayout117.xml" ContentType="application/vnd.openxmlformats-officedocument.presentationml.slideLayout+xml"/>
  <Override PartName="/ppt/slideLayouts/slideLayout118.xml" ContentType="application/vnd.openxmlformats-officedocument.presentationml.slideLayout+xml"/>
  <Override PartName="/ppt/slideLayouts/slideLayout119.xml" ContentType="application/vnd.openxmlformats-officedocument.presentationml.slideLayout+xml"/>
  <Override PartName="/ppt/slideLayouts/slideLayout120.xml" ContentType="application/vnd.openxmlformats-officedocument.presentationml.slideLayout+xml"/>
  <Override PartName="/ppt/slideLayouts/slideLayout121.xml" ContentType="application/vnd.openxmlformats-officedocument.presentationml.slideLayout+xml"/>
  <Override PartName="/ppt/slideLayouts/slideLayout122.xml" ContentType="application/vnd.openxmlformats-officedocument.presentationml.slideLayout+xml"/>
  <Override PartName="/ppt/slideLayouts/slideLayout123.xml" ContentType="application/vnd.openxmlformats-officedocument.presentationml.slideLayout+xml"/>
  <Override PartName="/ppt/slideLayouts/slideLayout124.xml" ContentType="application/vnd.openxmlformats-officedocument.presentationml.slideLayout+xml"/>
  <Override PartName="/ppt/slideLayouts/slideLayout125.xml" ContentType="application/vnd.openxmlformats-officedocument.presentationml.slideLayout+xml"/>
  <Override PartName="/ppt/slideLayouts/slideLayout126.xml" ContentType="application/vnd.openxmlformats-officedocument.presentationml.slideLayout+xml"/>
  <Override PartName="/ppt/theme/theme3.xml" ContentType="application/vnd.openxmlformats-officedocument.theme+xml"/>
  <Override PartName="/ppt/tags/tag25.xml" ContentType="application/vnd.openxmlformats-officedocument.presentationml.tags+xml"/>
  <Override PartName="/ppt/tags/tag26.xml" ContentType="application/vnd.openxmlformats-officedocument.presentationml.tags+xml"/>
  <Override PartName="/ppt/tags/tag27.xml" ContentType="application/vnd.openxmlformats-officedocument.presentationml.tags+xml"/>
  <Override PartName="/ppt/tags/tag28.xml" ContentType="application/vnd.openxmlformats-officedocument.presentationml.tags+xml"/>
  <Override PartName="/ppt/tags/tag29.xml" ContentType="application/vnd.openxmlformats-officedocument.presentationml.tags+xml"/>
  <Override PartName="/ppt/tags/tag30.xml" ContentType="application/vnd.openxmlformats-officedocument.presentationml.tags+xml"/>
  <Override PartName="/ppt/tags/tag31.xml" ContentType="application/vnd.openxmlformats-officedocument.presentationml.tags+xml"/>
  <Override PartName="/ppt/tags/tag32.xml" ContentType="application/vnd.openxmlformats-officedocument.presentationml.tags+xml"/>
  <Override PartName="/ppt/tags/tag33.xml" ContentType="application/vnd.openxmlformats-officedocument.presentationml.tags+xml"/>
  <Override PartName="/ppt/tags/tag34.xml" ContentType="application/vnd.openxmlformats-officedocument.presentationml.tags+xml"/>
  <Override PartName="/ppt/tags/tag35.xml" ContentType="application/vnd.openxmlformats-officedocument.presentationml.tags+xml"/>
  <Override PartName="/ppt/tags/tag36.xml" ContentType="application/vnd.openxmlformats-officedocument.presentationml.tags+xml"/>
  <Override PartName="/ppt/slideLayouts/slideLayout127.xml" ContentType="application/vnd.openxmlformats-officedocument.presentationml.slideLayout+xml"/>
  <Override PartName="/ppt/slideLayouts/slideLayout128.xml" ContentType="application/vnd.openxmlformats-officedocument.presentationml.slideLayout+xml"/>
  <Override PartName="/ppt/slideLayouts/slideLayout129.xml" ContentType="application/vnd.openxmlformats-officedocument.presentationml.slideLayout+xml"/>
  <Override PartName="/ppt/slideLayouts/slideLayout130.xml" ContentType="application/vnd.openxmlformats-officedocument.presentationml.slideLayout+xml"/>
  <Override PartName="/ppt/slideLayouts/slideLayout131.xml" ContentType="application/vnd.openxmlformats-officedocument.presentationml.slideLayout+xml"/>
  <Override PartName="/ppt/slideLayouts/slideLayout132.xml" ContentType="application/vnd.openxmlformats-officedocument.presentationml.slideLayout+xml"/>
  <Override PartName="/ppt/slideLayouts/slideLayout133.xml" ContentType="application/vnd.openxmlformats-officedocument.presentationml.slideLayout+xml"/>
  <Override PartName="/ppt/slideLayouts/slideLayout134.xml" ContentType="application/vnd.openxmlformats-officedocument.presentationml.slideLayout+xml"/>
  <Override PartName="/ppt/slideLayouts/slideLayout135.xml" ContentType="application/vnd.openxmlformats-officedocument.presentationml.slideLayout+xml"/>
  <Override PartName="/ppt/slideLayouts/slideLayout136.xml" ContentType="application/vnd.openxmlformats-officedocument.presentationml.slideLayout+xml"/>
  <Override PartName="/ppt/slideLayouts/slideLayout137.xml" ContentType="application/vnd.openxmlformats-officedocument.presentationml.slideLayout+xml"/>
  <Override PartName="/ppt/slideLayouts/slideLayout138.xml" ContentType="application/vnd.openxmlformats-officedocument.presentationml.slideLayout+xml"/>
  <Override PartName="/ppt/slideLayouts/slideLayout139.xml" ContentType="application/vnd.openxmlformats-officedocument.presentationml.slideLayout+xml"/>
  <Override PartName="/ppt/slideLayouts/slideLayout140.xml" ContentType="application/vnd.openxmlformats-officedocument.presentationml.slideLayout+xml"/>
  <Override PartName="/ppt/slideLayouts/slideLayout141.xml" ContentType="application/vnd.openxmlformats-officedocument.presentationml.slideLayout+xml"/>
  <Override PartName="/ppt/slideLayouts/slideLayout142.xml" ContentType="application/vnd.openxmlformats-officedocument.presentationml.slideLayout+xml"/>
  <Override PartName="/ppt/slideLayouts/slideLayout143.xml" ContentType="application/vnd.openxmlformats-officedocument.presentationml.slideLayout+xml"/>
  <Override PartName="/ppt/slideLayouts/slideLayout144.xml" ContentType="application/vnd.openxmlformats-officedocument.presentationml.slideLayout+xml"/>
  <Override PartName="/ppt/slideLayouts/slideLayout145.xml" ContentType="application/vnd.openxmlformats-officedocument.presentationml.slideLayout+xml"/>
  <Override PartName="/ppt/slideLayouts/slideLayout146.xml" ContentType="application/vnd.openxmlformats-officedocument.presentationml.slideLayout+xml"/>
  <Override PartName="/ppt/slideLayouts/slideLayout147.xml" ContentType="application/vnd.openxmlformats-officedocument.presentationml.slideLayout+xml"/>
  <Override PartName="/ppt/slideLayouts/slideLayout148.xml" ContentType="application/vnd.openxmlformats-officedocument.presentationml.slideLayout+xml"/>
  <Override PartName="/ppt/slideLayouts/slideLayout149.xml" ContentType="application/vnd.openxmlformats-officedocument.presentationml.slideLayout+xml"/>
  <Override PartName="/ppt/slideLayouts/slideLayout150.xml" ContentType="application/vnd.openxmlformats-officedocument.presentationml.slideLayout+xml"/>
  <Override PartName="/ppt/slideLayouts/slideLayout151.xml" ContentType="application/vnd.openxmlformats-officedocument.presentationml.slideLayout+xml"/>
  <Override PartName="/ppt/slideLayouts/slideLayout152.xml" ContentType="application/vnd.openxmlformats-officedocument.presentationml.slideLayout+xml"/>
  <Override PartName="/ppt/slideLayouts/slideLayout153.xml" ContentType="application/vnd.openxmlformats-officedocument.presentationml.slideLayout+xml"/>
  <Override PartName="/ppt/slideLayouts/slideLayout154.xml" ContentType="application/vnd.openxmlformats-officedocument.presentationml.slideLayout+xml"/>
  <Override PartName="/ppt/slideLayouts/slideLayout155.xml" ContentType="application/vnd.openxmlformats-officedocument.presentationml.slideLayout+xml"/>
  <Override PartName="/ppt/slideLayouts/slideLayout156.xml" ContentType="application/vnd.openxmlformats-officedocument.presentationml.slideLayout+xml"/>
  <Override PartName="/ppt/slideLayouts/slideLayout157.xml" ContentType="application/vnd.openxmlformats-officedocument.presentationml.slideLayout+xml"/>
  <Override PartName="/ppt/slideLayouts/slideLayout158.xml" ContentType="application/vnd.openxmlformats-officedocument.presentationml.slideLayout+xml"/>
  <Override PartName="/ppt/slideLayouts/slideLayout159.xml" ContentType="application/vnd.openxmlformats-officedocument.presentationml.slideLayout+xml"/>
  <Override PartName="/ppt/slideLayouts/slideLayout160.xml" ContentType="application/vnd.openxmlformats-officedocument.presentationml.slideLayout+xml"/>
  <Override PartName="/ppt/slideLayouts/slideLayout161.xml" ContentType="application/vnd.openxmlformats-officedocument.presentationml.slideLayout+xml"/>
  <Override PartName="/ppt/slideLayouts/slideLayout162.xml" ContentType="application/vnd.openxmlformats-officedocument.presentationml.slideLayout+xml"/>
  <Override PartName="/ppt/slideLayouts/slideLayout163.xml" ContentType="application/vnd.openxmlformats-officedocument.presentationml.slideLayout+xml"/>
  <Override PartName="/ppt/slideLayouts/slideLayout164.xml" ContentType="application/vnd.openxmlformats-officedocument.presentationml.slideLayout+xml"/>
  <Override PartName="/ppt/slideLayouts/slideLayout165.xml" ContentType="application/vnd.openxmlformats-officedocument.presentationml.slideLayout+xml"/>
  <Override PartName="/ppt/slideLayouts/slideLayout166.xml" ContentType="application/vnd.openxmlformats-officedocument.presentationml.slideLayout+xml"/>
  <Override PartName="/ppt/theme/theme4.xml" ContentType="application/vnd.openxmlformats-officedocument.theme+xml"/>
  <Override PartName="/ppt/tags/tag37.xml" ContentType="application/vnd.openxmlformats-officedocument.presentationml.tags+xml"/>
  <Override PartName="/ppt/tags/tag38.xml" ContentType="application/vnd.openxmlformats-officedocument.presentationml.tags+xml"/>
  <Override PartName="/ppt/tags/tag39.xml" ContentType="application/vnd.openxmlformats-officedocument.presentationml.tags+xml"/>
  <Override PartName="/ppt/tags/tag40.xml" ContentType="application/vnd.openxmlformats-officedocument.presentationml.tags+xml"/>
  <Override PartName="/ppt/tags/tag41.xml" ContentType="application/vnd.openxmlformats-officedocument.presentationml.tags+xml"/>
  <Override PartName="/ppt/tags/tag42.xml" ContentType="application/vnd.openxmlformats-officedocument.presentationml.tags+xml"/>
  <Override PartName="/ppt/tags/tag43.xml" ContentType="application/vnd.openxmlformats-officedocument.presentationml.tags+xml"/>
  <Override PartName="/ppt/tags/tag44.xml" ContentType="application/vnd.openxmlformats-officedocument.presentationml.tags+xml"/>
  <Override PartName="/ppt/tags/tag45.xml" ContentType="application/vnd.openxmlformats-officedocument.presentationml.tags+xml"/>
  <Override PartName="/ppt/tags/tag46.xml" ContentType="application/vnd.openxmlformats-officedocument.presentationml.tags+xml"/>
  <Override PartName="/ppt/tags/tag47.xml" ContentType="application/vnd.openxmlformats-officedocument.presentationml.tags+xml"/>
  <Override PartName="/ppt/tags/tag48.xml" ContentType="application/vnd.openxmlformats-officedocument.presentationml.tags+xml"/>
  <Override PartName="/ppt/slideLayouts/slideLayout167.xml" ContentType="application/vnd.openxmlformats-officedocument.presentationml.slideLayout+xml"/>
  <Override PartName="/ppt/slideLayouts/slideLayout168.xml" ContentType="application/vnd.openxmlformats-officedocument.presentationml.slideLayout+xml"/>
  <Override PartName="/ppt/slideLayouts/slideLayout169.xml" ContentType="application/vnd.openxmlformats-officedocument.presentationml.slideLayout+xml"/>
  <Override PartName="/ppt/slideLayouts/slideLayout170.xml" ContentType="application/vnd.openxmlformats-officedocument.presentationml.slideLayout+xml"/>
  <Override PartName="/ppt/slideLayouts/slideLayout171.xml" ContentType="application/vnd.openxmlformats-officedocument.presentationml.slideLayout+xml"/>
  <Override PartName="/ppt/slideLayouts/slideLayout172.xml" ContentType="application/vnd.openxmlformats-officedocument.presentationml.slideLayout+xml"/>
  <Override PartName="/ppt/slideLayouts/slideLayout173.xml" ContentType="application/vnd.openxmlformats-officedocument.presentationml.slideLayout+xml"/>
  <Override PartName="/ppt/slideLayouts/slideLayout174.xml" ContentType="application/vnd.openxmlformats-officedocument.presentationml.slideLayout+xml"/>
  <Override PartName="/ppt/slideLayouts/slideLayout175.xml" ContentType="application/vnd.openxmlformats-officedocument.presentationml.slideLayout+xml"/>
  <Override PartName="/ppt/slideLayouts/slideLayout176.xml" ContentType="application/vnd.openxmlformats-officedocument.presentationml.slideLayout+xml"/>
  <Override PartName="/ppt/slideLayouts/slideLayout177.xml" ContentType="application/vnd.openxmlformats-officedocument.presentationml.slideLayout+xml"/>
  <Override PartName="/ppt/slideLayouts/slideLayout178.xml" ContentType="application/vnd.openxmlformats-officedocument.presentationml.slideLayout+xml"/>
  <Override PartName="/ppt/slideLayouts/slideLayout179.xml" ContentType="application/vnd.openxmlformats-officedocument.presentationml.slideLayout+xml"/>
  <Override PartName="/ppt/slideLayouts/slideLayout180.xml" ContentType="application/vnd.openxmlformats-officedocument.presentationml.slideLayout+xml"/>
  <Override PartName="/ppt/slideLayouts/slideLayout181.xml" ContentType="application/vnd.openxmlformats-officedocument.presentationml.slideLayout+xml"/>
  <Override PartName="/ppt/slideLayouts/slideLayout182.xml" ContentType="application/vnd.openxmlformats-officedocument.presentationml.slideLayout+xml"/>
  <Override PartName="/ppt/slideLayouts/slideLayout183.xml" ContentType="application/vnd.openxmlformats-officedocument.presentationml.slideLayout+xml"/>
  <Override PartName="/ppt/slideLayouts/slideLayout184.xml" ContentType="application/vnd.openxmlformats-officedocument.presentationml.slideLayout+xml"/>
  <Override PartName="/ppt/slideLayouts/slideLayout185.xml" ContentType="application/vnd.openxmlformats-officedocument.presentationml.slideLayout+xml"/>
  <Override PartName="/ppt/slideLayouts/slideLayout186.xml" ContentType="application/vnd.openxmlformats-officedocument.presentationml.slideLayout+xml"/>
  <Override PartName="/ppt/slideLayouts/slideLayout187.xml" ContentType="application/vnd.openxmlformats-officedocument.presentationml.slideLayout+xml"/>
  <Override PartName="/ppt/slideLayouts/slideLayout188.xml" ContentType="application/vnd.openxmlformats-officedocument.presentationml.slideLayout+xml"/>
  <Override PartName="/ppt/slideLayouts/slideLayout189.xml" ContentType="application/vnd.openxmlformats-officedocument.presentationml.slideLayout+xml"/>
  <Override PartName="/ppt/slideLayouts/slideLayout190.xml" ContentType="application/vnd.openxmlformats-officedocument.presentationml.slideLayout+xml"/>
  <Override PartName="/ppt/slideLayouts/slideLayout191.xml" ContentType="application/vnd.openxmlformats-officedocument.presentationml.slideLayout+xml"/>
  <Override PartName="/ppt/slideLayouts/slideLayout192.xml" ContentType="application/vnd.openxmlformats-officedocument.presentationml.slideLayout+xml"/>
  <Override PartName="/ppt/slideLayouts/slideLayout193.xml" ContentType="application/vnd.openxmlformats-officedocument.presentationml.slideLayout+xml"/>
  <Override PartName="/ppt/slideLayouts/slideLayout194.xml" ContentType="application/vnd.openxmlformats-officedocument.presentationml.slideLayout+xml"/>
  <Override PartName="/ppt/slideLayouts/slideLayout195.xml" ContentType="application/vnd.openxmlformats-officedocument.presentationml.slideLayout+xml"/>
  <Override PartName="/ppt/slideLayouts/slideLayout196.xml" ContentType="application/vnd.openxmlformats-officedocument.presentationml.slideLayout+xml"/>
  <Override PartName="/ppt/slideLayouts/slideLayout197.xml" ContentType="application/vnd.openxmlformats-officedocument.presentationml.slideLayout+xml"/>
  <Override PartName="/ppt/slideLayouts/slideLayout198.xml" ContentType="application/vnd.openxmlformats-officedocument.presentationml.slideLayout+xml"/>
  <Override PartName="/ppt/slideLayouts/slideLayout199.xml" ContentType="application/vnd.openxmlformats-officedocument.presentationml.slideLayout+xml"/>
  <Override PartName="/ppt/slideLayouts/slideLayout200.xml" ContentType="application/vnd.openxmlformats-officedocument.presentationml.slideLayout+xml"/>
  <Override PartName="/ppt/slideLayouts/slideLayout201.xml" ContentType="application/vnd.openxmlformats-officedocument.presentationml.slideLayout+xml"/>
  <Override PartName="/ppt/slideLayouts/slideLayout202.xml" ContentType="application/vnd.openxmlformats-officedocument.presentationml.slideLayout+xml"/>
  <Override PartName="/ppt/slideLayouts/slideLayout203.xml" ContentType="application/vnd.openxmlformats-officedocument.presentationml.slideLayout+xml"/>
  <Override PartName="/ppt/slideLayouts/slideLayout204.xml" ContentType="application/vnd.openxmlformats-officedocument.presentationml.slideLayout+xml"/>
  <Override PartName="/ppt/slideLayouts/slideLayout205.xml" ContentType="application/vnd.openxmlformats-officedocument.presentationml.slideLayout+xml"/>
  <Override PartName="/ppt/slideLayouts/slideLayout206.xml" ContentType="application/vnd.openxmlformats-officedocument.presentationml.slideLayout+xml"/>
  <Override PartName="/ppt/slideLayouts/slideLayout207.xml" ContentType="application/vnd.openxmlformats-officedocument.presentationml.slideLayout+xml"/>
  <Override PartName="/ppt/slideLayouts/slideLayout208.xml" ContentType="application/vnd.openxmlformats-officedocument.presentationml.slideLayout+xml"/>
  <Override PartName="/ppt/slideLayouts/slideLayout209.xml" ContentType="application/vnd.openxmlformats-officedocument.presentationml.slideLayout+xml"/>
  <Override PartName="/ppt/slideLayouts/slideLayout210.xml" ContentType="application/vnd.openxmlformats-officedocument.presentationml.slideLayout+xml"/>
  <Override PartName="/ppt/theme/theme5.xml" ContentType="application/vnd.openxmlformats-officedocument.theme+xml"/>
  <Override PartName="/ppt/tags/tag49.xml" ContentType="application/vnd.openxmlformats-officedocument.presentationml.tags+xml"/>
  <Override PartName="/ppt/tags/tag50.xml" ContentType="application/vnd.openxmlformats-officedocument.presentationml.tags+xml"/>
  <Override PartName="/ppt/tags/tag51.xml" ContentType="application/vnd.openxmlformats-officedocument.presentationml.tags+xml"/>
  <Override PartName="/ppt/tags/tag52.xml" ContentType="application/vnd.openxmlformats-officedocument.presentationml.tags+xml"/>
  <Override PartName="/ppt/tags/tag53.xml" ContentType="application/vnd.openxmlformats-officedocument.presentationml.tags+xml"/>
  <Override PartName="/ppt/tags/tag54.xml" ContentType="application/vnd.openxmlformats-officedocument.presentationml.tags+xml"/>
  <Override PartName="/ppt/tags/tag55.xml" ContentType="application/vnd.openxmlformats-officedocument.presentationml.tags+xml"/>
  <Override PartName="/ppt/tags/tag56.xml" ContentType="application/vnd.openxmlformats-officedocument.presentationml.tags+xml"/>
  <Override PartName="/ppt/tags/tag57.xml" ContentType="application/vnd.openxmlformats-officedocument.presentationml.tags+xml"/>
  <Override PartName="/ppt/tags/tag58.xml" ContentType="application/vnd.openxmlformats-officedocument.presentationml.tags+xml"/>
  <Override PartName="/ppt/tags/tag59.xml" ContentType="application/vnd.openxmlformats-officedocument.presentationml.tags+xml"/>
  <Override PartName="/ppt/tags/tag60.xml" ContentType="application/vnd.openxmlformats-officedocument.presentationml.tags+xml"/>
  <Override PartName="/ppt/slideLayouts/slideLayout211.xml" ContentType="application/vnd.openxmlformats-officedocument.presentationml.slideLayout+xml"/>
  <Override PartName="/ppt/slideLayouts/slideLayout212.xml" ContentType="application/vnd.openxmlformats-officedocument.presentationml.slideLayout+xml"/>
  <Override PartName="/ppt/slideLayouts/slideLayout213.xml" ContentType="application/vnd.openxmlformats-officedocument.presentationml.slideLayout+xml"/>
  <Override PartName="/ppt/slideLayouts/slideLayout214.xml" ContentType="application/vnd.openxmlformats-officedocument.presentationml.slideLayout+xml"/>
  <Override PartName="/ppt/slideLayouts/slideLayout215.xml" ContentType="application/vnd.openxmlformats-officedocument.presentationml.slideLayout+xml"/>
  <Override PartName="/ppt/slideLayouts/slideLayout216.xml" ContentType="application/vnd.openxmlformats-officedocument.presentationml.slideLayout+xml"/>
  <Override PartName="/ppt/slideLayouts/slideLayout217.xml" ContentType="application/vnd.openxmlformats-officedocument.presentationml.slideLayout+xml"/>
  <Override PartName="/ppt/slideLayouts/slideLayout218.xml" ContentType="application/vnd.openxmlformats-officedocument.presentationml.slideLayout+xml"/>
  <Override PartName="/ppt/slideLayouts/slideLayout219.xml" ContentType="application/vnd.openxmlformats-officedocument.presentationml.slideLayout+xml"/>
  <Override PartName="/ppt/slideLayouts/slideLayout220.xml" ContentType="application/vnd.openxmlformats-officedocument.presentationml.slideLayout+xml"/>
  <Override PartName="/ppt/slideLayouts/slideLayout221.xml" ContentType="application/vnd.openxmlformats-officedocument.presentationml.slideLayout+xml"/>
  <Override PartName="/ppt/slideLayouts/slideLayout222.xml" ContentType="application/vnd.openxmlformats-officedocument.presentationml.slideLayout+xml"/>
  <Override PartName="/ppt/slideLayouts/slideLayout223.xml" ContentType="application/vnd.openxmlformats-officedocument.presentationml.slideLayout+xml"/>
  <Override PartName="/ppt/slideLayouts/slideLayout224.xml" ContentType="application/vnd.openxmlformats-officedocument.presentationml.slideLayout+xml"/>
  <Override PartName="/ppt/slideLayouts/slideLayout225.xml" ContentType="application/vnd.openxmlformats-officedocument.presentationml.slideLayout+xml"/>
  <Override PartName="/ppt/slideLayouts/slideLayout226.xml" ContentType="application/vnd.openxmlformats-officedocument.presentationml.slideLayout+xml"/>
  <Override PartName="/ppt/slideLayouts/slideLayout227.xml" ContentType="application/vnd.openxmlformats-officedocument.presentationml.slideLayout+xml"/>
  <Override PartName="/ppt/slideLayouts/slideLayout228.xml" ContentType="application/vnd.openxmlformats-officedocument.presentationml.slideLayout+xml"/>
  <Override PartName="/ppt/slideLayouts/slideLayout229.xml" ContentType="application/vnd.openxmlformats-officedocument.presentationml.slideLayout+xml"/>
  <Override PartName="/ppt/slideLayouts/slideLayout230.xml" ContentType="application/vnd.openxmlformats-officedocument.presentationml.slideLayout+xml"/>
  <Override PartName="/ppt/slideLayouts/slideLayout231.xml" ContentType="application/vnd.openxmlformats-officedocument.presentationml.slideLayout+xml"/>
  <Override PartName="/ppt/slideLayouts/slideLayout232.xml" ContentType="application/vnd.openxmlformats-officedocument.presentationml.slideLayout+xml"/>
  <Override PartName="/ppt/slideLayouts/slideLayout233.xml" ContentType="application/vnd.openxmlformats-officedocument.presentationml.slideLayout+xml"/>
  <Override PartName="/ppt/slideLayouts/slideLayout234.xml" ContentType="application/vnd.openxmlformats-officedocument.presentationml.slideLayout+xml"/>
  <Override PartName="/ppt/slideLayouts/slideLayout235.xml" ContentType="application/vnd.openxmlformats-officedocument.presentationml.slideLayout+xml"/>
  <Override PartName="/ppt/slideLayouts/slideLayout236.xml" ContentType="application/vnd.openxmlformats-officedocument.presentationml.slideLayout+xml"/>
  <Override PartName="/ppt/slideLayouts/slideLayout237.xml" ContentType="application/vnd.openxmlformats-officedocument.presentationml.slideLayout+xml"/>
  <Override PartName="/ppt/slideLayouts/slideLayout238.xml" ContentType="application/vnd.openxmlformats-officedocument.presentationml.slideLayout+xml"/>
  <Override PartName="/ppt/slideLayouts/slideLayout239.xml" ContentType="application/vnd.openxmlformats-officedocument.presentationml.slideLayout+xml"/>
  <Override PartName="/ppt/slideLayouts/slideLayout240.xml" ContentType="application/vnd.openxmlformats-officedocument.presentationml.slideLayout+xml"/>
  <Override PartName="/ppt/slideLayouts/slideLayout241.xml" ContentType="application/vnd.openxmlformats-officedocument.presentationml.slideLayout+xml"/>
  <Override PartName="/ppt/slideLayouts/slideLayout242.xml" ContentType="application/vnd.openxmlformats-officedocument.presentationml.slideLayout+xml"/>
  <Override PartName="/ppt/slideLayouts/slideLayout243.xml" ContentType="application/vnd.openxmlformats-officedocument.presentationml.slideLayout+xml"/>
  <Override PartName="/ppt/slideLayouts/slideLayout244.xml" ContentType="application/vnd.openxmlformats-officedocument.presentationml.slideLayout+xml"/>
  <Override PartName="/ppt/slideLayouts/slideLayout245.xml" ContentType="application/vnd.openxmlformats-officedocument.presentationml.slideLayout+xml"/>
  <Override PartName="/ppt/slideLayouts/slideLayout246.xml" ContentType="application/vnd.openxmlformats-officedocument.presentationml.slideLayout+xml"/>
  <Override PartName="/ppt/slideLayouts/slideLayout247.xml" ContentType="application/vnd.openxmlformats-officedocument.presentationml.slideLayout+xml"/>
  <Override PartName="/ppt/slideLayouts/slideLayout248.xml" ContentType="application/vnd.openxmlformats-officedocument.presentationml.slideLayout+xml"/>
  <Override PartName="/ppt/slideLayouts/slideLayout249.xml" ContentType="application/vnd.openxmlformats-officedocument.presentationml.slideLayout+xml"/>
  <Override PartName="/ppt/theme/theme6.xml" ContentType="application/vnd.openxmlformats-officedocument.theme+xml"/>
  <Override PartName="/ppt/tags/tag61.xml" ContentType="application/vnd.openxmlformats-officedocument.presentationml.tags+xml"/>
  <Override PartName="/ppt/tags/tag62.xml" ContentType="application/vnd.openxmlformats-officedocument.presentationml.tags+xml"/>
  <Override PartName="/ppt/tags/tag63.xml" ContentType="application/vnd.openxmlformats-officedocument.presentationml.tags+xml"/>
  <Override PartName="/ppt/tags/tag64.xml" ContentType="application/vnd.openxmlformats-officedocument.presentationml.tags+xml"/>
  <Override PartName="/ppt/tags/tag65.xml" ContentType="application/vnd.openxmlformats-officedocument.presentationml.tags+xml"/>
  <Override PartName="/ppt/tags/tag66.xml" ContentType="application/vnd.openxmlformats-officedocument.presentationml.tags+xml"/>
  <Override PartName="/ppt/tags/tag67.xml" ContentType="application/vnd.openxmlformats-officedocument.presentationml.tags+xml"/>
  <Override PartName="/ppt/tags/tag68.xml" ContentType="application/vnd.openxmlformats-officedocument.presentationml.tags+xml"/>
  <Override PartName="/ppt/tags/tag69.xml" ContentType="application/vnd.openxmlformats-officedocument.presentationml.tags+xml"/>
  <Override PartName="/ppt/tags/tag70.xml" ContentType="application/vnd.openxmlformats-officedocument.presentationml.tags+xml"/>
  <Override PartName="/ppt/tags/tag71.xml" ContentType="application/vnd.openxmlformats-officedocument.presentationml.tags+xml"/>
  <Override PartName="/ppt/tags/tag72.xml" ContentType="application/vnd.openxmlformats-officedocument.presentationml.tags+xml"/>
  <Override PartName="/ppt/slideLayouts/slideLayout250.xml" ContentType="application/vnd.openxmlformats-officedocument.presentationml.slideLayout+xml"/>
  <Override PartName="/ppt/slideLayouts/slideLayout251.xml" ContentType="application/vnd.openxmlformats-officedocument.presentationml.slideLayout+xml"/>
  <Override PartName="/ppt/slideLayouts/slideLayout252.xml" ContentType="application/vnd.openxmlformats-officedocument.presentationml.slideLayout+xml"/>
  <Override PartName="/ppt/slideLayouts/slideLayout253.xml" ContentType="application/vnd.openxmlformats-officedocument.presentationml.slideLayout+xml"/>
  <Override PartName="/ppt/slideLayouts/slideLayout254.xml" ContentType="application/vnd.openxmlformats-officedocument.presentationml.slideLayout+xml"/>
  <Override PartName="/ppt/slideLayouts/slideLayout255.xml" ContentType="application/vnd.openxmlformats-officedocument.presentationml.slideLayout+xml"/>
  <Override PartName="/ppt/slideLayouts/slideLayout256.xml" ContentType="application/vnd.openxmlformats-officedocument.presentationml.slideLayout+xml"/>
  <Override PartName="/ppt/slideLayouts/slideLayout257.xml" ContentType="application/vnd.openxmlformats-officedocument.presentationml.slideLayout+xml"/>
  <Override PartName="/ppt/slideLayouts/slideLayout258.xml" ContentType="application/vnd.openxmlformats-officedocument.presentationml.slideLayout+xml"/>
  <Override PartName="/ppt/slideLayouts/slideLayout259.xml" ContentType="application/vnd.openxmlformats-officedocument.presentationml.slideLayout+xml"/>
  <Override PartName="/ppt/slideLayouts/slideLayout260.xml" ContentType="application/vnd.openxmlformats-officedocument.presentationml.slideLayout+xml"/>
  <Override PartName="/ppt/slideLayouts/slideLayout261.xml" ContentType="application/vnd.openxmlformats-officedocument.presentationml.slideLayout+xml"/>
  <Override PartName="/ppt/slideLayouts/slideLayout262.xml" ContentType="application/vnd.openxmlformats-officedocument.presentationml.slideLayout+xml"/>
  <Override PartName="/ppt/slideLayouts/slideLayout263.xml" ContentType="application/vnd.openxmlformats-officedocument.presentationml.slideLayout+xml"/>
  <Override PartName="/ppt/slideLayouts/slideLayout264.xml" ContentType="application/vnd.openxmlformats-officedocument.presentationml.slideLayout+xml"/>
  <Override PartName="/ppt/slideLayouts/slideLayout265.xml" ContentType="application/vnd.openxmlformats-officedocument.presentationml.slideLayout+xml"/>
  <Override PartName="/ppt/slideLayouts/slideLayout266.xml" ContentType="application/vnd.openxmlformats-officedocument.presentationml.slideLayout+xml"/>
  <Override PartName="/ppt/slideLayouts/slideLayout267.xml" ContentType="application/vnd.openxmlformats-officedocument.presentationml.slideLayout+xml"/>
  <Override PartName="/ppt/slideLayouts/slideLayout268.xml" ContentType="application/vnd.openxmlformats-officedocument.presentationml.slideLayout+xml"/>
  <Override PartName="/ppt/slideLayouts/slideLayout269.xml" ContentType="application/vnd.openxmlformats-officedocument.presentationml.slideLayout+xml"/>
  <Override PartName="/ppt/slideLayouts/slideLayout270.xml" ContentType="application/vnd.openxmlformats-officedocument.presentationml.slideLayout+xml"/>
  <Override PartName="/ppt/slideLayouts/slideLayout271.xml" ContentType="application/vnd.openxmlformats-officedocument.presentationml.slideLayout+xml"/>
  <Override PartName="/ppt/slideLayouts/slideLayout272.xml" ContentType="application/vnd.openxmlformats-officedocument.presentationml.slideLayout+xml"/>
  <Override PartName="/ppt/slideLayouts/slideLayout273.xml" ContentType="application/vnd.openxmlformats-officedocument.presentationml.slideLayout+xml"/>
  <Override PartName="/ppt/slideLayouts/slideLayout274.xml" ContentType="application/vnd.openxmlformats-officedocument.presentationml.slideLayout+xml"/>
  <Override PartName="/ppt/slideLayouts/slideLayout275.xml" ContentType="application/vnd.openxmlformats-officedocument.presentationml.slideLayout+xml"/>
  <Override PartName="/ppt/slideLayouts/slideLayout276.xml" ContentType="application/vnd.openxmlformats-officedocument.presentationml.slideLayout+xml"/>
  <Override PartName="/ppt/slideLayouts/slideLayout277.xml" ContentType="application/vnd.openxmlformats-officedocument.presentationml.slideLayout+xml"/>
  <Override PartName="/ppt/slideLayouts/slideLayout278.xml" ContentType="application/vnd.openxmlformats-officedocument.presentationml.slideLayout+xml"/>
  <Override PartName="/ppt/slideLayouts/slideLayout279.xml" ContentType="application/vnd.openxmlformats-officedocument.presentationml.slideLayout+xml"/>
  <Override PartName="/ppt/slideLayouts/slideLayout280.xml" ContentType="application/vnd.openxmlformats-officedocument.presentationml.slideLayout+xml"/>
  <Override PartName="/ppt/slideLayouts/slideLayout281.xml" ContentType="application/vnd.openxmlformats-officedocument.presentationml.slideLayout+xml"/>
  <Override PartName="/ppt/slideLayouts/slideLayout282.xml" ContentType="application/vnd.openxmlformats-officedocument.presentationml.slideLayout+xml"/>
  <Override PartName="/ppt/slideLayouts/slideLayout283.xml" ContentType="application/vnd.openxmlformats-officedocument.presentationml.slideLayout+xml"/>
  <Override PartName="/ppt/slideLayouts/slideLayout284.xml" ContentType="application/vnd.openxmlformats-officedocument.presentationml.slideLayout+xml"/>
  <Override PartName="/ppt/slideLayouts/slideLayout285.xml" ContentType="application/vnd.openxmlformats-officedocument.presentationml.slideLayout+xml"/>
  <Override PartName="/ppt/slideLayouts/slideLayout286.xml" ContentType="application/vnd.openxmlformats-officedocument.presentationml.slideLayout+xml"/>
  <Override PartName="/ppt/slideLayouts/slideLayout287.xml" ContentType="application/vnd.openxmlformats-officedocument.presentationml.slideLayout+xml"/>
  <Override PartName="/ppt/slideLayouts/slideLayout288.xml" ContentType="application/vnd.openxmlformats-officedocument.presentationml.slideLayout+xml"/>
  <Override PartName="/ppt/theme/theme7.xml" ContentType="application/vnd.openxmlformats-officedocument.theme+xml"/>
  <Override PartName="/ppt/tags/tag73.xml" ContentType="application/vnd.openxmlformats-officedocument.presentationml.tags+xml"/>
  <Override PartName="/ppt/tags/tag74.xml" ContentType="application/vnd.openxmlformats-officedocument.presentationml.tags+xml"/>
  <Override PartName="/ppt/tags/tag75.xml" ContentType="application/vnd.openxmlformats-officedocument.presentationml.tags+xml"/>
  <Override PartName="/ppt/tags/tag76.xml" ContentType="application/vnd.openxmlformats-officedocument.presentationml.tags+xml"/>
  <Override PartName="/ppt/tags/tag77.xml" ContentType="application/vnd.openxmlformats-officedocument.presentationml.tags+xml"/>
  <Override PartName="/ppt/tags/tag78.xml" ContentType="application/vnd.openxmlformats-officedocument.presentationml.tags+xml"/>
  <Override PartName="/ppt/tags/tag79.xml" ContentType="application/vnd.openxmlformats-officedocument.presentationml.tags+xml"/>
  <Override PartName="/ppt/tags/tag80.xml" ContentType="application/vnd.openxmlformats-officedocument.presentationml.tags+xml"/>
  <Override PartName="/ppt/tags/tag81.xml" ContentType="application/vnd.openxmlformats-officedocument.presentationml.tags+xml"/>
  <Override PartName="/ppt/tags/tag82.xml" ContentType="application/vnd.openxmlformats-officedocument.presentationml.tags+xml"/>
  <Override PartName="/ppt/tags/tag83.xml" ContentType="application/vnd.openxmlformats-officedocument.presentationml.tags+xml"/>
  <Override PartName="/ppt/tags/tag84.xml" ContentType="application/vnd.openxmlformats-officedocument.presentationml.tags+xml"/>
  <Override PartName="/ppt/slideLayouts/slideLayout289.xml" ContentType="application/vnd.openxmlformats-officedocument.presentationml.slideLayout+xml"/>
  <Override PartName="/ppt/slideLayouts/slideLayout290.xml" ContentType="application/vnd.openxmlformats-officedocument.presentationml.slideLayout+xml"/>
  <Override PartName="/ppt/slideLayouts/slideLayout291.xml" ContentType="application/vnd.openxmlformats-officedocument.presentationml.slideLayout+xml"/>
  <Override PartName="/ppt/slideLayouts/slideLayout292.xml" ContentType="application/vnd.openxmlformats-officedocument.presentationml.slideLayout+xml"/>
  <Override PartName="/ppt/slideLayouts/slideLayout293.xml" ContentType="application/vnd.openxmlformats-officedocument.presentationml.slideLayout+xml"/>
  <Override PartName="/ppt/slideLayouts/slideLayout294.xml" ContentType="application/vnd.openxmlformats-officedocument.presentationml.slideLayout+xml"/>
  <Override PartName="/ppt/slideLayouts/slideLayout295.xml" ContentType="application/vnd.openxmlformats-officedocument.presentationml.slideLayout+xml"/>
  <Override PartName="/ppt/slideLayouts/slideLayout296.xml" ContentType="application/vnd.openxmlformats-officedocument.presentationml.slideLayout+xml"/>
  <Override PartName="/ppt/slideLayouts/slideLayout297.xml" ContentType="application/vnd.openxmlformats-officedocument.presentationml.slideLayout+xml"/>
  <Override PartName="/ppt/slideLayouts/slideLayout298.xml" ContentType="application/vnd.openxmlformats-officedocument.presentationml.slideLayout+xml"/>
  <Override PartName="/ppt/slideLayouts/slideLayout299.xml" ContentType="application/vnd.openxmlformats-officedocument.presentationml.slideLayout+xml"/>
  <Override PartName="/ppt/slideLayouts/slideLayout300.xml" ContentType="application/vnd.openxmlformats-officedocument.presentationml.slideLayout+xml"/>
  <Override PartName="/ppt/slideLayouts/slideLayout301.xml" ContentType="application/vnd.openxmlformats-officedocument.presentationml.slideLayout+xml"/>
  <Override PartName="/ppt/slideLayouts/slideLayout302.xml" ContentType="application/vnd.openxmlformats-officedocument.presentationml.slideLayout+xml"/>
  <Override PartName="/ppt/slideLayouts/slideLayout303.xml" ContentType="application/vnd.openxmlformats-officedocument.presentationml.slideLayout+xml"/>
  <Override PartName="/ppt/slideLayouts/slideLayout304.xml" ContentType="application/vnd.openxmlformats-officedocument.presentationml.slideLayout+xml"/>
  <Override PartName="/ppt/slideLayouts/slideLayout305.xml" ContentType="application/vnd.openxmlformats-officedocument.presentationml.slideLayout+xml"/>
  <Override PartName="/ppt/slideLayouts/slideLayout306.xml" ContentType="application/vnd.openxmlformats-officedocument.presentationml.slideLayout+xml"/>
  <Override PartName="/ppt/slideLayouts/slideLayout307.xml" ContentType="application/vnd.openxmlformats-officedocument.presentationml.slideLayout+xml"/>
  <Override PartName="/ppt/slideLayouts/slideLayout308.xml" ContentType="application/vnd.openxmlformats-officedocument.presentationml.slideLayout+xml"/>
  <Override PartName="/ppt/slideLayouts/slideLayout309.xml" ContentType="application/vnd.openxmlformats-officedocument.presentationml.slideLayout+xml"/>
  <Override PartName="/ppt/slideLayouts/slideLayout310.xml" ContentType="application/vnd.openxmlformats-officedocument.presentationml.slideLayout+xml"/>
  <Override PartName="/ppt/slideLayouts/slideLayout311.xml" ContentType="application/vnd.openxmlformats-officedocument.presentationml.slideLayout+xml"/>
  <Override PartName="/ppt/slideLayouts/slideLayout312.xml" ContentType="application/vnd.openxmlformats-officedocument.presentationml.slideLayout+xml"/>
  <Override PartName="/ppt/slideLayouts/slideLayout313.xml" ContentType="application/vnd.openxmlformats-officedocument.presentationml.slideLayout+xml"/>
  <Override PartName="/ppt/slideLayouts/slideLayout314.xml" ContentType="application/vnd.openxmlformats-officedocument.presentationml.slideLayout+xml"/>
  <Override PartName="/ppt/slideLayouts/slideLayout315.xml" ContentType="application/vnd.openxmlformats-officedocument.presentationml.slideLayout+xml"/>
  <Override PartName="/ppt/slideLayouts/slideLayout316.xml" ContentType="application/vnd.openxmlformats-officedocument.presentationml.slideLayout+xml"/>
  <Override PartName="/ppt/slideLayouts/slideLayout317.xml" ContentType="application/vnd.openxmlformats-officedocument.presentationml.slideLayout+xml"/>
  <Override PartName="/ppt/slideLayouts/slideLayout318.xml" ContentType="application/vnd.openxmlformats-officedocument.presentationml.slideLayout+xml"/>
  <Override PartName="/ppt/slideLayouts/slideLayout319.xml" ContentType="application/vnd.openxmlformats-officedocument.presentationml.slideLayout+xml"/>
  <Override PartName="/ppt/slideLayouts/slideLayout320.xml" ContentType="application/vnd.openxmlformats-officedocument.presentationml.slideLayout+xml"/>
  <Override PartName="/ppt/slideLayouts/slideLayout321.xml" ContentType="application/vnd.openxmlformats-officedocument.presentationml.slideLayout+xml"/>
  <Override PartName="/ppt/slideLayouts/slideLayout322.xml" ContentType="application/vnd.openxmlformats-officedocument.presentationml.slideLayout+xml"/>
  <Override PartName="/ppt/slideLayouts/slideLayout323.xml" ContentType="application/vnd.openxmlformats-officedocument.presentationml.slideLayout+xml"/>
  <Override PartName="/ppt/slideLayouts/slideLayout324.xml" ContentType="application/vnd.openxmlformats-officedocument.presentationml.slideLayout+xml"/>
  <Override PartName="/ppt/slideLayouts/slideLayout325.xml" ContentType="application/vnd.openxmlformats-officedocument.presentationml.slideLayout+xml"/>
  <Override PartName="/ppt/slideLayouts/slideLayout326.xml" ContentType="application/vnd.openxmlformats-officedocument.presentationml.slideLayout+xml"/>
  <Override PartName="/ppt/slideLayouts/slideLayout327.xml" ContentType="application/vnd.openxmlformats-officedocument.presentationml.slideLayout+xml"/>
  <Override PartName="/ppt/theme/theme8.xml" ContentType="application/vnd.openxmlformats-officedocument.theme+xml"/>
  <Override PartName="/ppt/tags/tag85.xml" ContentType="application/vnd.openxmlformats-officedocument.presentationml.tags+xml"/>
  <Override PartName="/ppt/tags/tag86.xml" ContentType="application/vnd.openxmlformats-officedocument.presentationml.tags+xml"/>
  <Override PartName="/ppt/tags/tag87.xml" ContentType="application/vnd.openxmlformats-officedocument.presentationml.tags+xml"/>
  <Override PartName="/ppt/tags/tag88.xml" ContentType="application/vnd.openxmlformats-officedocument.presentationml.tags+xml"/>
  <Override PartName="/ppt/tags/tag89.xml" ContentType="application/vnd.openxmlformats-officedocument.presentationml.tags+xml"/>
  <Override PartName="/ppt/tags/tag90.xml" ContentType="application/vnd.openxmlformats-officedocument.presentationml.tags+xml"/>
  <Override PartName="/ppt/tags/tag91.xml" ContentType="application/vnd.openxmlformats-officedocument.presentationml.tags+xml"/>
  <Override PartName="/ppt/tags/tag92.xml" ContentType="application/vnd.openxmlformats-officedocument.presentationml.tags+xml"/>
  <Override PartName="/ppt/tags/tag93.xml" ContentType="application/vnd.openxmlformats-officedocument.presentationml.tags+xml"/>
  <Override PartName="/ppt/tags/tag94.xml" ContentType="application/vnd.openxmlformats-officedocument.presentationml.tags+xml"/>
  <Override PartName="/ppt/tags/tag95.xml" ContentType="application/vnd.openxmlformats-officedocument.presentationml.tags+xml"/>
  <Override PartName="/ppt/tags/tag96.xml" ContentType="application/vnd.openxmlformats-officedocument.presentationml.tags+xml"/>
  <Override PartName="/ppt/slideLayouts/slideLayout328.xml" ContentType="application/vnd.openxmlformats-officedocument.presentationml.slideLayout+xml"/>
  <Override PartName="/ppt/slideLayouts/slideLayout329.xml" ContentType="application/vnd.openxmlformats-officedocument.presentationml.slideLayout+xml"/>
  <Override PartName="/ppt/slideLayouts/slideLayout330.xml" ContentType="application/vnd.openxmlformats-officedocument.presentationml.slideLayout+xml"/>
  <Override PartName="/ppt/slideLayouts/slideLayout331.xml" ContentType="application/vnd.openxmlformats-officedocument.presentationml.slideLayout+xml"/>
  <Override PartName="/ppt/slideLayouts/slideLayout332.xml" ContentType="application/vnd.openxmlformats-officedocument.presentationml.slideLayout+xml"/>
  <Override PartName="/ppt/slideLayouts/slideLayout333.xml" ContentType="application/vnd.openxmlformats-officedocument.presentationml.slideLayout+xml"/>
  <Override PartName="/ppt/slideLayouts/slideLayout334.xml" ContentType="application/vnd.openxmlformats-officedocument.presentationml.slideLayout+xml"/>
  <Override PartName="/ppt/slideLayouts/slideLayout335.xml" ContentType="application/vnd.openxmlformats-officedocument.presentationml.slideLayout+xml"/>
  <Override PartName="/ppt/slideLayouts/slideLayout336.xml" ContentType="application/vnd.openxmlformats-officedocument.presentationml.slideLayout+xml"/>
  <Override PartName="/ppt/slideLayouts/slideLayout337.xml" ContentType="application/vnd.openxmlformats-officedocument.presentationml.slideLayout+xml"/>
  <Override PartName="/ppt/slideLayouts/slideLayout338.xml" ContentType="application/vnd.openxmlformats-officedocument.presentationml.slideLayout+xml"/>
  <Override PartName="/ppt/slideLayouts/slideLayout339.xml" ContentType="application/vnd.openxmlformats-officedocument.presentationml.slideLayout+xml"/>
  <Override PartName="/ppt/slideLayouts/slideLayout340.xml" ContentType="application/vnd.openxmlformats-officedocument.presentationml.slideLayout+xml"/>
  <Override PartName="/ppt/slideLayouts/slideLayout341.xml" ContentType="application/vnd.openxmlformats-officedocument.presentationml.slideLayout+xml"/>
  <Override PartName="/ppt/slideLayouts/slideLayout342.xml" ContentType="application/vnd.openxmlformats-officedocument.presentationml.slideLayout+xml"/>
  <Override PartName="/ppt/slideLayouts/slideLayout343.xml" ContentType="application/vnd.openxmlformats-officedocument.presentationml.slideLayout+xml"/>
  <Override PartName="/ppt/slideLayouts/slideLayout344.xml" ContentType="application/vnd.openxmlformats-officedocument.presentationml.slideLayout+xml"/>
  <Override PartName="/ppt/slideLayouts/slideLayout345.xml" ContentType="application/vnd.openxmlformats-officedocument.presentationml.slideLayout+xml"/>
  <Override PartName="/ppt/slideLayouts/slideLayout346.xml" ContentType="application/vnd.openxmlformats-officedocument.presentationml.slideLayout+xml"/>
  <Override PartName="/ppt/slideLayouts/slideLayout347.xml" ContentType="application/vnd.openxmlformats-officedocument.presentationml.slideLayout+xml"/>
  <Override PartName="/ppt/slideLayouts/slideLayout348.xml" ContentType="application/vnd.openxmlformats-officedocument.presentationml.slideLayout+xml"/>
  <Override PartName="/ppt/slideLayouts/slideLayout349.xml" ContentType="application/vnd.openxmlformats-officedocument.presentationml.slideLayout+xml"/>
  <Override PartName="/ppt/slideLayouts/slideLayout350.xml" ContentType="application/vnd.openxmlformats-officedocument.presentationml.slideLayout+xml"/>
  <Override PartName="/ppt/slideLayouts/slideLayout351.xml" ContentType="application/vnd.openxmlformats-officedocument.presentationml.slideLayout+xml"/>
  <Override PartName="/ppt/slideLayouts/slideLayout352.xml" ContentType="application/vnd.openxmlformats-officedocument.presentationml.slideLayout+xml"/>
  <Override PartName="/ppt/slideLayouts/slideLayout353.xml" ContentType="application/vnd.openxmlformats-officedocument.presentationml.slideLayout+xml"/>
  <Override PartName="/ppt/slideLayouts/slideLayout354.xml" ContentType="application/vnd.openxmlformats-officedocument.presentationml.slideLayout+xml"/>
  <Override PartName="/ppt/slideLayouts/slideLayout355.xml" ContentType="application/vnd.openxmlformats-officedocument.presentationml.slideLayout+xml"/>
  <Override PartName="/ppt/slideLayouts/slideLayout356.xml" ContentType="application/vnd.openxmlformats-officedocument.presentationml.slideLayout+xml"/>
  <Override PartName="/ppt/slideLayouts/slideLayout357.xml" ContentType="application/vnd.openxmlformats-officedocument.presentationml.slideLayout+xml"/>
  <Override PartName="/ppt/slideLayouts/slideLayout358.xml" ContentType="application/vnd.openxmlformats-officedocument.presentationml.slideLayout+xml"/>
  <Override PartName="/ppt/slideLayouts/slideLayout359.xml" ContentType="application/vnd.openxmlformats-officedocument.presentationml.slideLayout+xml"/>
  <Override PartName="/ppt/slideLayouts/slideLayout360.xml" ContentType="application/vnd.openxmlformats-officedocument.presentationml.slideLayout+xml"/>
  <Override PartName="/ppt/slideLayouts/slideLayout361.xml" ContentType="application/vnd.openxmlformats-officedocument.presentationml.slideLayout+xml"/>
  <Override PartName="/ppt/slideLayouts/slideLayout362.xml" ContentType="application/vnd.openxmlformats-officedocument.presentationml.slideLayout+xml"/>
  <Override PartName="/ppt/slideLayouts/slideLayout363.xml" ContentType="application/vnd.openxmlformats-officedocument.presentationml.slideLayout+xml"/>
  <Override PartName="/ppt/slideLayouts/slideLayout364.xml" ContentType="application/vnd.openxmlformats-officedocument.presentationml.slideLayout+xml"/>
  <Override PartName="/ppt/slideLayouts/slideLayout365.xml" ContentType="application/vnd.openxmlformats-officedocument.presentationml.slideLayout+xml"/>
  <Override PartName="/ppt/slideLayouts/slideLayout366.xml" ContentType="application/vnd.openxmlformats-officedocument.presentationml.slideLayout+xml"/>
  <Override PartName="/ppt/slideLayouts/slideLayout367.xml" ContentType="application/vnd.openxmlformats-officedocument.presentationml.slideLayout+xml"/>
  <Override PartName="/ppt/slideLayouts/slideLayout368.xml" ContentType="application/vnd.openxmlformats-officedocument.presentationml.slideLayout+xml"/>
  <Override PartName="/ppt/slideLayouts/slideLayout369.xml" ContentType="application/vnd.openxmlformats-officedocument.presentationml.slideLayout+xml"/>
  <Override PartName="/ppt/slideLayouts/slideLayout370.xml" ContentType="application/vnd.openxmlformats-officedocument.presentationml.slideLayout+xml"/>
  <Override PartName="/ppt/slideLayouts/slideLayout371.xml" ContentType="application/vnd.openxmlformats-officedocument.presentationml.slideLayout+xml"/>
  <Override PartName="/ppt/theme/theme9.xml" ContentType="application/vnd.openxmlformats-officedocument.theme+xml"/>
  <Override PartName="/ppt/tags/tag97.xml" ContentType="application/vnd.openxmlformats-officedocument.presentationml.tags+xml"/>
  <Override PartName="/ppt/tags/tag98.xml" ContentType="application/vnd.openxmlformats-officedocument.presentationml.tags+xml"/>
  <Override PartName="/ppt/tags/tag99.xml" ContentType="application/vnd.openxmlformats-officedocument.presentationml.tags+xml"/>
  <Override PartName="/ppt/tags/tag100.xml" ContentType="application/vnd.openxmlformats-officedocument.presentationml.tags+xml"/>
  <Override PartName="/ppt/tags/tag101.xml" ContentType="application/vnd.openxmlformats-officedocument.presentationml.tags+xml"/>
  <Override PartName="/ppt/tags/tag102.xml" ContentType="application/vnd.openxmlformats-officedocument.presentationml.tags+xml"/>
  <Override PartName="/ppt/tags/tag103.xml" ContentType="application/vnd.openxmlformats-officedocument.presentationml.tags+xml"/>
  <Override PartName="/ppt/tags/tag104.xml" ContentType="application/vnd.openxmlformats-officedocument.presentationml.tags+xml"/>
  <Override PartName="/ppt/tags/tag105.xml" ContentType="application/vnd.openxmlformats-officedocument.presentationml.tags+xml"/>
  <Override PartName="/ppt/tags/tag106.xml" ContentType="application/vnd.openxmlformats-officedocument.presentationml.tags+xml"/>
  <Override PartName="/ppt/tags/tag107.xml" ContentType="application/vnd.openxmlformats-officedocument.presentationml.tags+xml"/>
  <Override PartName="/ppt/tags/tag108.xml" ContentType="application/vnd.openxmlformats-officedocument.presentationml.tags+xml"/>
  <Override PartName="/ppt/theme/theme10.xml" ContentType="application/vnd.openxmlformats-officedocument.theme+xml"/>
  <Override PartName="/ppt/theme/theme11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tags/tag109.xml" ContentType="application/vnd.openxmlformats-officedocument.presentationml.tags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8"/>
    <p:sldMasterId id="2147483826" r:id="rId9"/>
    <p:sldMasterId id="2147483868" r:id="rId10"/>
    <p:sldMasterId id="2147483955" r:id="rId11"/>
    <p:sldMasterId id="2147483996" r:id="rId12"/>
    <p:sldMasterId id="2147484128" r:id="rId13"/>
    <p:sldMasterId id="2147484169" r:id="rId14"/>
    <p:sldMasterId id="2147484213" r:id="rId15"/>
    <p:sldMasterId id="2147484253" r:id="rId16"/>
  </p:sldMasterIdLst>
  <p:notesMasterIdLst>
    <p:notesMasterId r:id="rId51"/>
  </p:notesMasterIdLst>
  <p:handoutMasterIdLst>
    <p:handoutMasterId r:id="rId52"/>
  </p:handoutMasterIdLst>
  <p:sldIdLst>
    <p:sldId id="2147471130" r:id="rId17"/>
    <p:sldId id="2147471095" r:id="rId18"/>
    <p:sldId id="2147471110" r:id="rId19"/>
    <p:sldId id="2113418084" r:id="rId20"/>
    <p:sldId id="2147471094" r:id="rId21"/>
    <p:sldId id="2147471103" r:id="rId22"/>
    <p:sldId id="2147471150" r:id="rId23"/>
    <p:sldId id="2147471151" r:id="rId24"/>
    <p:sldId id="2147471121" r:id="rId25"/>
    <p:sldId id="2147471126" r:id="rId26"/>
    <p:sldId id="2147471122" r:id="rId27"/>
    <p:sldId id="2147471155" r:id="rId28"/>
    <p:sldId id="2147471117" r:id="rId29"/>
    <p:sldId id="2147471140" r:id="rId30"/>
    <p:sldId id="2147471143" r:id="rId31"/>
    <p:sldId id="2147471148" r:id="rId32"/>
    <p:sldId id="2147471149" r:id="rId33"/>
    <p:sldId id="2147471152" r:id="rId34"/>
    <p:sldId id="2147471154" r:id="rId35"/>
    <p:sldId id="2147471097" r:id="rId36"/>
    <p:sldId id="2147471156" r:id="rId37"/>
    <p:sldId id="2147471104" r:id="rId38"/>
    <p:sldId id="2147471105" r:id="rId39"/>
    <p:sldId id="2147471106" r:id="rId40"/>
    <p:sldId id="2147471107" r:id="rId41"/>
    <p:sldId id="2147471108" r:id="rId42"/>
    <p:sldId id="2147471109" r:id="rId43"/>
    <p:sldId id="2147471112" r:id="rId44"/>
    <p:sldId id="2147471132" r:id="rId45"/>
    <p:sldId id="2147471115" r:id="rId46"/>
    <p:sldId id="2147471116" r:id="rId47"/>
    <p:sldId id="2147471127" r:id="rId48"/>
    <p:sldId id="2147471128" r:id="rId49"/>
    <p:sldId id="2147471129" r:id="rId50"/>
  </p:sldIdLst>
  <p:sldSz cx="12192000" cy="6858000"/>
  <p:notesSz cx="6858000" cy="9144000"/>
  <p:embeddedFontLst>
    <p:embeddedFont>
      <p:font typeface="Dstny Body" panose="02000603000000020004" pitchFamily="2" charset="0"/>
      <p:regular r:id="rId53"/>
      <p:bold r:id="rId54"/>
      <p:italic r:id="rId55"/>
      <p:boldItalic r:id="rId56"/>
    </p:embeddedFont>
    <p:embeddedFont>
      <p:font typeface="Dstny Headline" panose="02000603000000020004" pitchFamily="2" charset="0"/>
      <p:regular r:id="rId57"/>
      <p:bold r:id="rId58"/>
      <p:italic r:id="rId59"/>
      <p:boldItalic r:id="rId60"/>
    </p:embeddedFont>
    <p:embeddedFont>
      <p:font typeface="Fira Sans Extra Condensed Medium" panose="020B0604020202020204" pitchFamily="34" charset="0"/>
      <p:regular r:id="rId61"/>
      <p:bold r:id="rId62"/>
      <p:italic r:id="rId63"/>
      <p:boldItalic r:id="rId64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521415D9-36F7-43E2-AB2F-B90AF26B5E84}">
      <p14:sectionLst xmlns:p14="http://schemas.microsoft.com/office/powerpoint/2010/main">
        <p14:section name="Présentation commerciale" id="{9C56F2BB-0C3E-864D-8D14-184039470AE6}">
          <p14:sldIdLst>
            <p14:sldId id="2147471130"/>
            <p14:sldId id="2147471095"/>
            <p14:sldId id="2147471110"/>
            <p14:sldId id="2113418084"/>
            <p14:sldId id="2147471094"/>
            <p14:sldId id="2147471103"/>
            <p14:sldId id="2147471150"/>
            <p14:sldId id="2147471151"/>
            <p14:sldId id="2147471121"/>
            <p14:sldId id="2147471126"/>
            <p14:sldId id="2147471122"/>
            <p14:sldId id="2147471155"/>
            <p14:sldId id="2147471117"/>
            <p14:sldId id="2147471140"/>
            <p14:sldId id="2147471143"/>
            <p14:sldId id="2147471148"/>
            <p14:sldId id="2147471149"/>
            <p14:sldId id="2147471152"/>
            <p14:sldId id="2147471154"/>
            <p14:sldId id="2147471097"/>
            <p14:sldId id="2147471156"/>
            <p14:sldId id="2147471104"/>
            <p14:sldId id="2147471105"/>
            <p14:sldId id="2147471106"/>
            <p14:sldId id="2147471107"/>
            <p14:sldId id="2147471108"/>
            <p14:sldId id="2147471109"/>
            <p14:sldId id="2147471112"/>
            <p14:sldId id="2147471132"/>
            <p14:sldId id="2147471115"/>
            <p14:sldId id="2147471116"/>
            <p14:sldId id="2147471127"/>
            <p14:sldId id="2147471128"/>
            <p14:sldId id="2147471129"/>
          </p14:sldIdLst>
        </p14:section>
      </p14:sectionLst>
    </p:ex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clrMru>
    <a:srgbClr val="C5139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C8255905-9001-A64F-B302-6BDA81FDAEBF}" v="996" dt="2023-11-15T20:40:06.654"/>
  </p1510:revLst>
</p1510:revInfo>
</file>

<file path=ppt/tableStyles.xml><?xml version="1.0" encoding="utf-8"?>
<a:tblStyleLst xmlns:a="http://schemas.openxmlformats.org/drawingml/2006/main" def="{9D7B26C5-4107-4FEC-AEDC-1716B250A1EF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9D7B26C5-4107-4FEC-AEDC-1716B250A1EF}" styleName="Light Style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tx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tx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tx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tx1"/>
              </a:solidFill>
            </a:ln>
          </a:bottom>
        </a:tcBdr>
        <a:fill>
          <a:noFill/>
        </a:fill>
      </a:tcStyle>
    </a:firstRow>
  </a:tblStyle>
  <a:tblStyle styleId="{C083E6E3-FA7D-4D7B-A595-EF9225AFEA82}" styleName="Style léger 1 - Accentuation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D27102A9-8310-4765-A935-A1911B00CA55}" styleName="Style léger 1 - Accentuation 4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4"/>
              </a:solidFill>
            </a:ln>
          </a:top>
          <a:bottom>
            <a:ln w="12700" cmpd="sng">
              <a:solidFill>
                <a:schemeClr val="accent4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4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4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4"/>
              </a:solidFill>
            </a:ln>
          </a:bottom>
        </a:tcBdr>
        <a:fill>
          <a:noFill/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8467" autoAdjust="0"/>
    <p:restoredTop sz="92809" autoAdjust="0"/>
  </p:normalViewPr>
  <p:slideViewPr>
    <p:cSldViewPr snapToGrid="0" showGuides="1">
      <p:cViewPr varScale="1">
        <p:scale>
          <a:sx n="145" d="100"/>
          <a:sy n="145" d="100"/>
        </p:scale>
        <p:origin x="1056" y="1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sorterViewPr>
    <p:cViewPr>
      <p:scale>
        <a:sx n="100" d="100"/>
        <a:sy n="100" d="100"/>
      </p:scale>
      <p:origin x="0" y="0"/>
    </p:cViewPr>
  </p:sorterViewPr>
  <p:notesViewPr>
    <p:cSldViewPr snapToGrid="0">
      <p:cViewPr>
        <p:scale>
          <a:sx n="100" d="100"/>
          <a:sy n="100" d="100"/>
        </p:scale>
        <p:origin x="2718" y="-18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slide" Target="slides/slide10.xml"/><Relationship Id="rId21" Type="http://schemas.openxmlformats.org/officeDocument/2006/relationships/slide" Target="slides/slide5.xml"/><Relationship Id="rId42" Type="http://schemas.openxmlformats.org/officeDocument/2006/relationships/slide" Target="slides/slide26.xml"/><Relationship Id="rId47" Type="http://schemas.openxmlformats.org/officeDocument/2006/relationships/slide" Target="slides/slide31.xml"/><Relationship Id="rId63" Type="http://schemas.openxmlformats.org/officeDocument/2006/relationships/font" Target="fonts/font11.fntdata"/><Relationship Id="rId68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9.xml"/><Relationship Id="rId29" Type="http://schemas.openxmlformats.org/officeDocument/2006/relationships/slide" Target="slides/slide13.xml"/><Relationship Id="rId11" Type="http://schemas.openxmlformats.org/officeDocument/2006/relationships/slideMaster" Target="slideMasters/slideMaster4.xml"/><Relationship Id="rId24" Type="http://schemas.openxmlformats.org/officeDocument/2006/relationships/slide" Target="slides/slide8.xml"/><Relationship Id="rId32" Type="http://schemas.openxmlformats.org/officeDocument/2006/relationships/slide" Target="slides/slide16.xml"/><Relationship Id="rId37" Type="http://schemas.openxmlformats.org/officeDocument/2006/relationships/slide" Target="slides/slide21.xml"/><Relationship Id="rId40" Type="http://schemas.openxmlformats.org/officeDocument/2006/relationships/slide" Target="slides/slide24.xml"/><Relationship Id="rId45" Type="http://schemas.openxmlformats.org/officeDocument/2006/relationships/slide" Target="slides/slide29.xml"/><Relationship Id="rId53" Type="http://schemas.openxmlformats.org/officeDocument/2006/relationships/font" Target="fonts/font1.fntdata"/><Relationship Id="rId58" Type="http://schemas.openxmlformats.org/officeDocument/2006/relationships/font" Target="fonts/font6.fntdata"/><Relationship Id="rId66" Type="http://schemas.openxmlformats.org/officeDocument/2006/relationships/viewProps" Target="viewProps.xml"/><Relationship Id="rId5" Type="http://schemas.openxmlformats.org/officeDocument/2006/relationships/customXml" Target="../customXml/item5.xml"/><Relationship Id="rId61" Type="http://schemas.openxmlformats.org/officeDocument/2006/relationships/font" Target="fonts/font9.fntdata"/><Relationship Id="rId19" Type="http://schemas.openxmlformats.org/officeDocument/2006/relationships/slide" Target="slides/slide3.xml"/><Relationship Id="rId14" Type="http://schemas.openxmlformats.org/officeDocument/2006/relationships/slideMaster" Target="slideMasters/slideMaster7.xml"/><Relationship Id="rId22" Type="http://schemas.openxmlformats.org/officeDocument/2006/relationships/slide" Target="slides/slide6.xml"/><Relationship Id="rId27" Type="http://schemas.openxmlformats.org/officeDocument/2006/relationships/slide" Target="slides/slide11.xml"/><Relationship Id="rId30" Type="http://schemas.openxmlformats.org/officeDocument/2006/relationships/slide" Target="slides/slide14.xml"/><Relationship Id="rId35" Type="http://schemas.openxmlformats.org/officeDocument/2006/relationships/slide" Target="slides/slide19.xml"/><Relationship Id="rId43" Type="http://schemas.openxmlformats.org/officeDocument/2006/relationships/slide" Target="slides/slide27.xml"/><Relationship Id="rId48" Type="http://schemas.openxmlformats.org/officeDocument/2006/relationships/slide" Target="slides/slide32.xml"/><Relationship Id="rId56" Type="http://schemas.openxmlformats.org/officeDocument/2006/relationships/font" Target="fonts/font4.fntdata"/><Relationship Id="rId64" Type="http://schemas.openxmlformats.org/officeDocument/2006/relationships/font" Target="fonts/font12.fntdata"/><Relationship Id="rId69" Type="http://schemas.microsoft.com/office/2015/10/relationships/revisionInfo" Target="revisionInfo.xml"/><Relationship Id="rId8" Type="http://schemas.openxmlformats.org/officeDocument/2006/relationships/slideMaster" Target="slideMasters/slideMaster1.xml"/><Relationship Id="rId51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12" Type="http://schemas.openxmlformats.org/officeDocument/2006/relationships/slideMaster" Target="slideMasters/slideMaster5.xml"/><Relationship Id="rId17" Type="http://schemas.openxmlformats.org/officeDocument/2006/relationships/slide" Target="slides/slide1.xml"/><Relationship Id="rId25" Type="http://schemas.openxmlformats.org/officeDocument/2006/relationships/slide" Target="slides/slide9.xml"/><Relationship Id="rId33" Type="http://schemas.openxmlformats.org/officeDocument/2006/relationships/slide" Target="slides/slide17.xml"/><Relationship Id="rId38" Type="http://schemas.openxmlformats.org/officeDocument/2006/relationships/slide" Target="slides/slide22.xml"/><Relationship Id="rId46" Type="http://schemas.openxmlformats.org/officeDocument/2006/relationships/slide" Target="slides/slide30.xml"/><Relationship Id="rId59" Type="http://schemas.openxmlformats.org/officeDocument/2006/relationships/font" Target="fonts/font7.fntdata"/><Relationship Id="rId67" Type="http://schemas.openxmlformats.org/officeDocument/2006/relationships/theme" Target="theme/theme1.xml"/><Relationship Id="rId20" Type="http://schemas.openxmlformats.org/officeDocument/2006/relationships/slide" Target="slides/slide4.xml"/><Relationship Id="rId41" Type="http://schemas.openxmlformats.org/officeDocument/2006/relationships/slide" Target="slides/slide25.xml"/><Relationship Id="rId54" Type="http://schemas.openxmlformats.org/officeDocument/2006/relationships/font" Target="fonts/font2.fntdata"/><Relationship Id="rId62" Type="http://schemas.openxmlformats.org/officeDocument/2006/relationships/font" Target="fonts/font10.fntdata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slideMaster" Target="slideMasters/slideMaster8.xml"/><Relationship Id="rId23" Type="http://schemas.openxmlformats.org/officeDocument/2006/relationships/slide" Target="slides/slide7.xml"/><Relationship Id="rId28" Type="http://schemas.openxmlformats.org/officeDocument/2006/relationships/slide" Target="slides/slide12.xml"/><Relationship Id="rId36" Type="http://schemas.openxmlformats.org/officeDocument/2006/relationships/slide" Target="slides/slide20.xml"/><Relationship Id="rId49" Type="http://schemas.openxmlformats.org/officeDocument/2006/relationships/slide" Target="slides/slide33.xml"/><Relationship Id="rId57" Type="http://schemas.openxmlformats.org/officeDocument/2006/relationships/font" Target="fonts/font5.fntdata"/><Relationship Id="rId10" Type="http://schemas.openxmlformats.org/officeDocument/2006/relationships/slideMaster" Target="slideMasters/slideMaster3.xml"/><Relationship Id="rId31" Type="http://schemas.openxmlformats.org/officeDocument/2006/relationships/slide" Target="slides/slide15.xml"/><Relationship Id="rId44" Type="http://schemas.openxmlformats.org/officeDocument/2006/relationships/slide" Target="slides/slide28.xml"/><Relationship Id="rId52" Type="http://schemas.openxmlformats.org/officeDocument/2006/relationships/handoutMaster" Target="handoutMasters/handoutMaster1.xml"/><Relationship Id="rId60" Type="http://schemas.openxmlformats.org/officeDocument/2006/relationships/font" Target="fonts/font8.fntdata"/><Relationship Id="rId65" Type="http://schemas.openxmlformats.org/officeDocument/2006/relationships/presProps" Target="presProps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3" Type="http://schemas.openxmlformats.org/officeDocument/2006/relationships/slideMaster" Target="slideMasters/slideMaster6.xml"/><Relationship Id="rId18" Type="http://schemas.openxmlformats.org/officeDocument/2006/relationships/slide" Target="slides/slide2.xml"/><Relationship Id="rId39" Type="http://schemas.openxmlformats.org/officeDocument/2006/relationships/slide" Target="slides/slide23.xml"/><Relationship Id="rId34" Type="http://schemas.openxmlformats.org/officeDocument/2006/relationships/slide" Target="slides/slide18.xml"/><Relationship Id="rId50" Type="http://schemas.openxmlformats.org/officeDocument/2006/relationships/slide" Target="slides/slide34.xml"/><Relationship Id="rId55" Type="http://schemas.openxmlformats.org/officeDocument/2006/relationships/font" Target="fonts/font3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1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A261ADCD-0986-466F-BCF4-F1403744020F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6FAD45B1-DDA3-4823-B57F-398ED6D7CE50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2A9A9823-64E5-4E6F-89BD-D12B5BCBF150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3B3C53-DC75-4A5C-81E7-5D7CB96E1298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C5BF6EE6-6533-46A0-A8FB-DBC252423243}" type="slidenum">
              <a:rPr lang="en-GB" smtClean="0"/>
              <a:t>‹#›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891B013-C79C-4BAB-9591-CE1E1BF2A98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10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Number Placeholder 1">
            <a:extLst>
              <a:ext uri="{FF2B5EF4-FFF2-40B4-BE49-F238E27FC236}">
                <a16:creationId xmlns:a16="http://schemas.microsoft.com/office/drawing/2014/main" id="{57838611-CB23-4A11-B466-01829FB3E64B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1B1D025B-ACD2-45C1-B156-1DDB470CE319}" type="slidenum">
              <a:rPr lang="en-GB" smtClean="0"/>
              <a:t>‹#›</a:t>
            </a:fld>
            <a:endParaRPr lang="en-GB"/>
          </a:p>
        </p:txBody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05F8BE06-C1AD-4FF4-9212-678516BAB91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  <a:endParaRPr lang="en-GB" dirty="0"/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8D410225-CB48-4A2A-9739-463AD2DBC317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5" name="Header Placeholder 4">
            <a:extLst>
              <a:ext uri="{FF2B5EF4-FFF2-40B4-BE49-F238E27FC236}">
                <a16:creationId xmlns:a16="http://schemas.microsoft.com/office/drawing/2014/main" id="{668863D3-1D0C-412C-99BB-873840116AC5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 dirty="0"/>
          </a:p>
        </p:txBody>
      </p:sp>
      <p:sp>
        <p:nvSpPr>
          <p:cNvPr id="6" name="Slide Image Placeholder 5">
            <a:extLst>
              <a:ext uri="{FF2B5EF4-FFF2-40B4-BE49-F238E27FC236}">
                <a16:creationId xmlns:a16="http://schemas.microsoft.com/office/drawing/2014/main" id="{5E44B7E2-ED93-42BE-81A6-FE398D91C19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75691570-C65F-4C66-9CB2-8798BF7E897F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indent="0" algn="l" defTabSz="914400" rtl="0" eaLnBrk="1" latinLnBrk="0" hangingPunct="1">
      <a:buFont typeface="Dstny Body" panose="02000603000000020004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180000" indent="0" algn="l" defTabSz="914400" rtl="0" eaLnBrk="1" latinLnBrk="0" hangingPunct="1">
      <a:buFont typeface="Dstny Body" panose="02000603000000020004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360000" indent="0" algn="l" defTabSz="914400" rtl="0" eaLnBrk="1" latinLnBrk="0" hangingPunct="1">
      <a:buFont typeface="Dstny Body" panose="02000603000000020004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540000" indent="0" algn="l" defTabSz="914400" rtl="0" eaLnBrk="1" latinLnBrk="0" hangingPunct="1">
      <a:buFont typeface="Dstny Body" panose="02000603000000020004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720000" indent="0" algn="l" defTabSz="914400" rtl="0" eaLnBrk="1" latinLnBrk="0" hangingPunct="1">
      <a:buFont typeface="Dstny Body" panose="02000603000000020004" pitchFamily="2" charset="0"/>
      <a:buNone/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image des diapositives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Espace réservé des not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fr-FR" dirty="0"/>
          </a:p>
        </p:txBody>
      </p:sp>
      <p:sp>
        <p:nvSpPr>
          <p:cNvPr id="4" name="Espace réservé du numéro de diapositive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4</a:t>
            </a:fld>
            <a:endParaRPr lang="en-GB"/>
          </a:p>
        </p:txBody>
      </p:sp>
      <p:sp>
        <p:nvSpPr>
          <p:cNvPr id="5" name="Espace réservé de la date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Espace réservé de l'en-tête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Espace réservé du pied de page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42369209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9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21955851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1B1D025B-ACD2-45C1-B156-1DDB470CE319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21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480618BE-91FC-4EFE-A617-4AD8309E2196}" type="datetime1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/11/2023</a:t>
            </a:fld>
            <a:endParaRPr kumimoji="0" lang="en-GB" sz="1200" b="0" i="0" u="none" strike="noStrike" kern="1200" cap="none" spc="0" normalizeH="0" baseline="0" noProof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968532814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image des diapositives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Espace réservé des not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fr-FR" dirty="0"/>
          </a:p>
        </p:txBody>
      </p:sp>
      <p:sp>
        <p:nvSpPr>
          <p:cNvPr id="4" name="Espace réservé du numéro de diapositive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CD6A9-140A-4EBA-8A15-597E1208AD7C}" type="slidenum">
              <a:rPr lang="fr-FR" smtClean="0"/>
              <a:t>23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357854168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image des diapositives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Espace réservé des not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fr-FR" dirty="0"/>
          </a:p>
        </p:txBody>
      </p:sp>
      <p:sp>
        <p:nvSpPr>
          <p:cNvPr id="4" name="Espace réservé du numéro de diapositive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CD6A9-140A-4EBA-8A15-597E1208AD7C}" type="slidenum">
              <a:rPr lang="fr-FR" smtClean="0"/>
              <a:t>24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3831056243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image des diapositives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Espace réservé des not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fr-FR"/>
          </a:p>
        </p:txBody>
      </p:sp>
      <p:sp>
        <p:nvSpPr>
          <p:cNvPr id="4" name="Espace réservé du numéro de diapositive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CD6A9-140A-4EBA-8A15-597E1208AD7C}" type="slidenum">
              <a:rPr lang="fr-FR" smtClean="0"/>
              <a:t>25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72232417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image des diapositives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Espace réservé des not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fr-FR"/>
          </a:p>
        </p:txBody>
      </p:sp>
      <p:sp>
        <p:nvSpPr>
          <p:cNvPr id="4" name="Espace réservé du numéro de diapositive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CD6A9-140A-4EBA-8A15-597E1208AD7C}" type="slidenum">
              <a:rPr lang="fr-FR" smtClean="0"/>
              <a:t>26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3932582112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Espace réservé de l'image des diapositives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Espace réservé des notes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fr-FR"/>
          </a:p>
        </p:txBody>
      </p:sp>
      <p:sp>
        <p:nvSpPr>
          <p:cNvPr id="4" name="Espace réservé du numéro de diapositive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5CD6A9-140A-4EBA-8A15-597E1208AD7C}" type="slidenum">
              <a:rPr lang="fr-FR" smtClean="0"/>
              <a:t>27</a:t>
            </a:fld>
            <a:endParaRPr lang="fr-FR"/>
          </a:p>
        </p:txBody>
      </p:sp>
    </p:spTree>
    <p:extLst>
      <p:ext uri="{BB962C8B-B14F-4D97-AF65-F5344CB8AC3E}">
        <p14:creationId xmlns:p14="http://schemas.microsoft.com/office/powerpoint/2010/main" val="3443967220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</p:spPr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16CFAD1-D197-4A88-B173-A6412E995EE5}" type="slidenum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30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C9A63892-2729-4CE6-B440-BB2A3B9879CC}"/>
              </a:ext>
            </a:extLst>
          </p:cNvPr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pPr marL="0" marR="0" lvl="0" indent="0" algn="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fld id="{A9CB69BC-BF3E-44D5-94AC-62923FC03AD6}" type="datetime1">
              <a:rPr kumimoji="0" lang="en-GB" sz="1200" b="0" i="0" u="none" strike="noStrike" kern="1200" cap="none" spc="0" normalizeH="0" baseline="0" noProof="0" smtClean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pPr marL="0" marR="0" lvl="0" indent="0" algn="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t>15/11/2023</a:t>
            </a:fld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BA84B68B-1553-4F9F-A8C8-86B85139C771}"/>
              </a:ext>
            </a:extLst>
          </p:cNvPr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7" name="Header Placeholder 6">
            <a:extLst>
              <a:ext uri="{FF2B5EF4-FFF2-40B4-BE49-F238E27FC236}">
                <a16:creationId xmlns:a16="http://schemas.microsoft.com/office/drawing/2014/main" id="{0FC95C64-7A04-4328-BEFF-382B7006D92F}"/>
              </a:ext>
            </a:extLst>
          </p:cNvPr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GB" sz="12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673670919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en-FR" dirty="0"/>
              <a:t>1 plateforme centralisé sur le cloud pour gérer les utilisateurs </a:t>
            </a:r>
          </a:p>
          <a:p>
            <a:r>
              <a:rPr lang="en-FR" dirty="0"/>
              <a:t>Dstny présence européenne </a:t>
            </a:r>
          </a:p>
          <a:p>
            <a:r>
              <a:rPr lang="en-FR" dirty="0"/>
              <a:t>Transformation des systèmes DECT pour une meilleure joignabilité</a:t>
            </a:r>
          </a:p>
          <a:p>
            <a:r>
              <a:rPr lang="en-FR" dirty="0"/>
              <a:t>Ergonime et expérience utilisateur améliorée </a:t>
            </a:r>
          </a:p>
          <a:p>
            <a:r>
              <a:rPr lang="en-FR" dirty="0"/>
              <a:t>Efficacité prouvée  </a:t>
            </a:r>
          </a:p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33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9333106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6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6311186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7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1895784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8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4637184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2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20322146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5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14804495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6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72435399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7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3318999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FR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1B1D025B-ACD2-45C1-B156-1DDB470CE319}" type="slidenum">
              <a:rPr lang="en-GB" smtClean="0"/>
              <a:t>18</a:t>
            </a:fld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"/>
          </p:nvPr>
        </p:nvSpPr>
        <p:spPr/>
        <p:txBody>
          <a:bodyPr/>
          <a:lstStyle/>
          <a:p>
            <a:fld id="{480618BE-91FC-4EFE-A617-4AD8309E2196}" type="datetime1">
              <a:rPr lang="en-GB" smtClean="0"/>
              <a:t>15/11/2023</a:t>
            </a:fld>
            <a:endParaRPr lang="en-GB"/>
          </a:p>
        </p:txBody>
      </p:sp>
      <p:sp>
        <p:nvSpPr>
          <p:cNvPr id="6" name="Header Placeholder 5"/>
          <p:cNvSpPr>
            <a:spLocks noGrp="1"/>
          </p:cNvSpPr>
          <p:nvPr>
            <p:ph type="hdr" sz="quarter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7" name="Footer Placeholder 6"/>
          <p:cNvSpPr>
            <a:spLocks noGrp="1"/>
          </p:cNvSpPr>
          <p:nvPr>
            <p:ph type="ftr" sz="quarter" idx="4"/>
          </p:nvPr>
        </p:nvSpPr>
        <p:spPr/>
        <p:txBody>
          <a:bodyPr/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58803081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0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0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0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19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1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1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1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4.xml"/></Relationships>
</file>

<file path=ppt/slideLayouts/_rels/slideLayout1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4.xml"/></Relationships>
</file>

<file path=ppt/slideLayouts/_rels/slideLayout1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4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1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4.xml"/></Relationships>
</file>

<file path=ppt/slideLayouts/_rels/slideLayout1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5.xml"/></Relationships>
</file>

<file path=ppt/slideLayouts/_rels/slideLayout1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5.xml"/></Relationships>
</file>

<file path=ppt/slideLayouts/_rels/slideLayout1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7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7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8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19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9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9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9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9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9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1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3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5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5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5.xml"/></Relationships>
</file>

<file path=ppt/slideLayouts/_rels/slideLayout2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6.xml"/></Relationships>
</file>

<file path=ppt/slideLayouts/_rels/slideLayout2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6.xml"/></Relationships>
</file>

<file path=ppt/slideLayouts/_rels/slideLayout2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6.xml"/></Relationships>
</file>

<file path=ppt/slideLayouts/_rels/slideLayout2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6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4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6.xml"/></Relationships>
</file>

<file path=ppt/slideLayouts/_rels/slideLayout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7.xml"/></Relationships>
</file>

<file path=ppt/slideLayouts/_rels/slideLayout2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5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7.xml"/></Relationships>
</file>

<file path=ppt/slideLayouts/_rels/slideLayout2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6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6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6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7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7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7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7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7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7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7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8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8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7.xml"/></Relationships>
</file>

<file path=ppt/slideLayouts/_rels/slideLayout28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6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7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2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7.xml"/></Relationships>
</file>

<file path=ppt/slideLayouts/_rels/slideLayout2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8.xml"/></Relationships>
</file>

<file path=ppt/slideLayouts/_rels/slideLayout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2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29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29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29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5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8.xml"/></Relationships>
</file>

<file path=ppt/slideLayouts/_rels/slideLayout29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29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29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29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2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0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0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0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0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0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0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0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0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0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1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1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1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2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8.xml"/></Relationships>
</file>

<file path=ppt/slideLayouts/_rels/slideLayout3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8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3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8.xml"/></Relationships>
</file>

<file path=ppt/slideLayouts/_rels/slideLayout32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9.xml"/></Relationships>
</file>

<file path=ppt/slideLayouts/_rels/slideLayout32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0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9.xml"/></Relationships>
</file>

<file path=ppt/slideLayouts/_rels/slideLayout3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9.xml"/></Relationships>
</file>

<file path=ppt/slideLayouts/_rels/slideLayout3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3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4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4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4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5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5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5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5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5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5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5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5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6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9.xml"/></Relationships>
</file>

<file path=ppt/slideLayouts/_rels/slideLayout36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Master" Target="../slideMasters/slideMaster9.xml"/></Relationships>
</file>

<file path=ppt/slideLayouts/_rels/slideLayout3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6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6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6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9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36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7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37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7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9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5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5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5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6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6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6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6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6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6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7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7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7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7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7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78.xml.rels><?xml version="1.0" encoding="UTF-8" standalone="yes"?>
<Relationships xmlns="http://schemas.openxmlformats.org/package/2006/relationships"><Relationship Id="rId8" Type="http://schemas.openxmlformats.org/officeDocument/2006/relationships/image" Target="../media/image11.png"/><Relationship Id="rId3" Type="http://schemas.openxmlformats.org/officeDocument/2006/relationships/image" Target="../media/image6.png"/><Relationship Id="rId7" Type="http://schemas.openxmlformats.org/officeDocument/2006/relationships/image" Target="../media/image10.pn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2.xml"/><Relationship Id="rId6" Type="http://schemas.openxmlformats.org/officeDocument/2006/relationships/image" Target="../media/image9.png"/><Relationship Id="rId5" Type="http://schemas.openxmlformats.org/officeDocument/2006/relationships/image" Target="../media/image8.png"/><Relationship Id="rId4" Type="http://schemas.openxmlformats.org/officeDocument/2006/relationships/image" Target="../media/image7.png"/><Relationship Id="rId9" Type="http://schemas.openxmlformats.org/officeDocument/2006/relationships/image" Target="../media/image12.png"/></Relationships>
</file>

<file path=ppt/slideLayouts/_rels/slideLayout7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8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2.xml"/></Relationships>
</file>

<file path=ppt/slideLayouts/_rels/slideLayout8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8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84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8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8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8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3.xml"/></Relationships>
</file>

<file path=ppt/slideLayouts/_rels/slideLayout8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90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9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9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3.xml"/></Relationships>
</file>

<file path=ppt/slideLayouts/_rels/slideLayout9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_rels/slideLayout9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3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23D6DE55-12CE-4DCC-AB6C-3C77D2902D2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Rectangle">
            <a:extLst>
              <a:ext uri="{FF2B5EF4-FFF2-40B4-BE49-F238E27FC236}">
                <a16:creationId xmlns:a16="http://schemas.microsoft.com/office/drawing/2014/main" id="{8937A0AD-FEFD-45EB-B4D0-1E2ED999056C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 b="1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FEED0661-B3F8-4AFA-9CE3-DCAF01813D9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069129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E7966683-9609-42DF-8F42-B189A090742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973969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E07CD6B4-09CD-40D3-BFB2-70EAF73B36C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433000 w 12193200"/>
              <a:gd name="connsiteY148" fmla="*/ 864356 h 6861600"/>
              <a:gd name="connsiteX149" fmla="*/ 433000 w 12193200"/>
              <a:gd name="connsiteY149" fmla="*/ 5990756 h 6861600"/>
              <a:gd name="connsiteX150" fmla="*/ 559000 w 12193200"/>
              <a:gd name="connsiteY150" fmla="*/ 5990756 h 6861600"/>
              <a:gd name="connsiteX151" fmla="*/ 559000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433000" y="864356"/>
                </a:moveTo>
                <a:lnTo>
                  <a:pt x="433000" y="5990756"/>
                </a:lnTo>
                <a:lnTo>
                  <a:pt x="559000" y="5990756"/>
                </a:lnTo>
                <a:lnTo>
                  <a:pt x="559000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90000" y="864000"/>
            <a:ext cx="29304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2DA8A14E-DC03-49C9-92CA-121CFBEC32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9799200" y="864000"/>
            <a:ext cx="1954800" cy="5126400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 cap="none" baseline="0">
                <a:solidFill>
                  <a:schemeClr val="bg1"/>
                </a:solidFill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4028876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3323273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A720CB42-81A1-4A6B-977A-543E442C7704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4F0B8F97-F01E-49B6-99DD-0C487D2382B4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4F400C32-FBDE-424B-B4C5-B20E6FA9EC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2178120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308713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FD1B9649-FA38-462A-A772-F439A69356A5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8" name="Logo">
            <a:extLst>
              <a:ext uri="{FF2B5EF4-FFF2-40B4-BE49-F238E27FC236}">
                <a16:creationId xmlns:a16="http://schemas.microsoft.com/office/drawing/2014/main" id="{5A5521B7-1186-4CA9-A8D4-6E07481414C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 bwMode="white"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 bwMode="white"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4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964F4D-7160-4DB8-900F-F3B7AB805741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F8B77D-D382-42D8-95C1-0C47695CBD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1259E83-889E-4E1B-BEA6-D8459EDC58F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492936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8024958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0" bIns="576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505600" cy="1915200"/>
          </a:xfrm>
        </p:spPr>
        <p:txBody>
          <a:bodyPr anchor="t" anchorCtr="0"/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5B12D-AFCA-4C69-8772-3103D984CD9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D37CD5E9-4514-4A77-9781-C0FC80437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33732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F023000C-62EC-4AE1-9428-2B6EA4DF5F7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3108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FE03E1E-7BBA-4981-A199-083F8DE64A6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759215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3532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tx1"/>
              </a:solidFill>
            </a:endParaRP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4A421D-40AC-4B3C-B046-B97D2CDEB7D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4217A7-1C84-4022-9AF0-8A02934FBF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626653-B042-4CAD-ABE7-FCC2DB1ACE3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537942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12924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9229805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20700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792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262251-164F-4D9F-BEE6-DBF9AF1C6B9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FAD54A-EFB6-40DC-A8BF-327E43A08F1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A44297-F69A-4FA2-AD60-0EA38D021B9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3047421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35F8FA-83AA-40A7-A81F-145B0272EF9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62D0141-A742-40EA-90CE-E9F3A4CC6BB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AE8AB24-1A29-4E44-8B8A-66ED307E211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1011111"/>
      </p:ext>
    </p:extLst>
  </p:cSld>
  <p:clrMapOvr>
    <a:masterClrMapping/>
  </p:clrMapOvr>
</p:sldLayout>
</file>

<file path=ppt/slideLayouts/slideLayout1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46A2CB-4C6C-4AC8-9450-CD3828AF787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033000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148000" cy="5122800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A2F42676-7691-4BBA-B454-CF007CCADCB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609597" y="864000"/>
            <a:ext cx="5148000" cy="5122799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4FBCBC-1785-4DFB-84A8-04367CD12684}"/>
              </a:ext>
            </a:extLst>
          </p:cNvPr>
          <p:cNvSpPr>
            <a:spLocks noGrp="1"/>
          </p:cNvSpPr>
          <p:nvPr>
            <p:ph type="dt" sz="half" idx="24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2F9B70-FCB9-43D9-9F30-EE12E6A1D4A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ACFBE7-785A-4311-8356-55947434B49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852132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63DA7E30-9A41-4C82-A7CB-D8A1E3912EAA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9" name="Text Placeholder 16">
            <a:extLst>
              <a:ext uri="{FF2B5EF4-FFF2-40B4-BE49-F238E27FC236}">
                <a16:creationId xmlns:a16="http://schemas.microsoft.com/office/drawing/2014/main" id="{AF04E0B3-14B7-4D62-87B4-0112A485F8C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417637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70457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       Enter &amp; TAB for next text level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0014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034A43F0-B693-4A6A-922F-5584D05D23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0653125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DE7121FB-1BE2-4733-A7DE-83DABC7A11B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19248589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1090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2000" y="864000"/>
            <a:ext cx="5878800" cy="4262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62000" y="5137200"/>
            <a:ext cx="5880100" cy="3600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noProof="0" dirty="0"/>
              <a:t>Click to add Nam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5E3943B2-B1DF-42B0-9F1C-B752FFA217D8}"/>
              </a:ext>
            </a:extLst>
          </p:cNvPr>
          <p:cNvSpPr>
            <a:spLocks noChangeAspect="1"/>
          </p:cNvSpPr>
          <p:nvPr userDrawn="1"/>
        </p:nvSpPr>
        <p:spPr bwMode="white">
          <a:xfrm>
            <a:off x="431799" y="864358"/>
            <a:ext cx="565325" cy="432000"/>
          </a:xfrm>
          <a:custGeom>
            <a:avLst/>
            <a:gdLst/>
            <a:ahLst/>
            <a:cxnLst/>
            <a:rect l="l" t="t" r="r" b="b"/>
            <a:pathLst>
              <a:path w="436820" h="333802">
                <a:moveTo>
                  <a:pt x="343248" y="0"/>
                </a:moveTo>
                <a:lnTo>
                  <a:pt x="436820" y="51285"/>
                </a:lnTo>
                <a:cubicBezTo>
                  <a:pt x="420625" y="77677"/>
                  <a:pt x="407729" y="105194"/>
                  <a:pt x="398132" y="133836"/>
                </a:cubicBezTo>
                <a:cubicBezTo>
                  <a:pt x="388535" y="162477"/>
                  <a:pt x="383886" y="194793"/>
                  <a:pt x="384186" y="230782"/>
                </a:cubicBezTo>
                <a:lnTo>
                  <a:pt x="384186" y="333802"/>
                </a:lnTo>
                <a:lnTo>
                  <a:pt x="225833" y="333802"/>
                </a:lnTo>
                <a:lnTo>
                  <a:pt x="225833" y="231232"/>
                </a:lnTo>
                <a:cubicBezTo>
                  <a:pt x="225833" y="202740"/>
                  <a:pt x="231456" y="173874"/>
                  <a:pt x="242703" y="144633"/>
                </a:cubicBezTo>
                <a:cubicBezTo>
                  <a:pt x="253949" y="115391"/>
                  <a:pt x="268645" y="88099"/>
                  <a:pt x="286790" y="62757"/>
                </a:cubicBezTo>
                <a:cubicBezTo>
                  <a:pt x="304934" y="37414"/>
                  <a:pt x="323754" y="16495"/>
                  <a:pt x="343248" y="0"/>
                </a:cubicBezTo>
                <a:close/>
                <a:moveTo>
                  <a:pt x="117415" y="0"/>
                </a:moveTo>
                <a:lnTo>
                  <a:pt x="210987" y="51285"/>
                </a:lnTo>
                <a:cubicBezTo>
                  <a:pt x="194792" y="77677"/>
                  <a:pt x="181896" y="105194"/>
                  <a:pt x="172299" y="133836"/>
                </a:cubicBezTo>
                <a:cubicBezTo>
                  <a:pt x="162701" y="162477"/>
                  <a:pt x="158053" y="194793"/>
                  <a:pt x="158353" y="230782"/>
                </a:cubicBezTo>
                <a:lnTo>
                  <a:pt x="158353" y="333802"/>
                </a:lnTo>
                <a:lnTo>
                  <a:pt x="0" y="333802"/>
                </a:lnTo>
                <a:lnTo>
                  <a:pt x="0" y="231232"/>
                </a:lnTo>
                <a:cubicBezTo>
                  <a:pt x="0" y="202740"/>
                  <a:pt x="5623" y="173874"/>
                  <a:pt x="16870" y="144633"/>
                </a:cubicBezTo>
                <a:cubicBezTo>
                  <a:pt x="28116" y="115391"/>
                  <a:pt x="42812" y="88099"/>
                  <a:pt x="60957" y="62757"/>
                </a:cubicBezTo>
                <a:cubicBezTo>
                  <a:pt x="79101" y="37414"/>
                  <a:pt x="97921" y="16495"/>
                  <a:pt x="117415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12" name="Text Placeholder notes">
            <a:extLst>
              <a:ext uri="{FF2B5EF4-FFF2-40B4-BE49-F238E27FC236}">
                <a16:creationId xmlns:a16="http://schemas.microsoft.com/office/drawing/2014/main" id="{07820C89-0519-40C4-9EA9-207BD7F2204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962000" y="5695200"/>
            <a:ext cx="5878800" cy="295200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42220691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50000"/>
            <a:ext cx="165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850000"/>
            <a:ext cx="1656000" cy="1476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ontact information</a:t>
            </a: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57BCA77D-A437-4BE5-9F1B-499DFCDA409D}"/>
              </a:ext>
            </a:extLst>
          </p:cNvPr>
          <p:cNvSpPr/>
          <p:nvPr userDrawn="1"/>
        </p:nvSpPr>
        <p:spPr>
          <a:xfrm>
            <a:off x="2001182" y="924535"/>
            <a:ext cx="5269720" cy="949686"/>
          </a:xfrm>
          <a:custGeom>
            <a:avLst/>
            <a:gdLst/>
            <a:ahLst/>
            <a:cxnLst/>
            <a:rect l="l" t="t" r="r" b="b"/>
            <a:pathLst>
              <a:path w="5269720" h="949686">
                <a:moveTo>
                  <a:pt x="1684072" y="498006"/>
                </a:moveTo>
                <a:cubicBezTo>
                  <a:pt x="1664287" y="506210"/>
                  <a:pt x="1637746" y="512965"/>
                  <a:pt x="1604449" y="518274"/>
                </a:cubicBezTo>
                <a:cubicBezTo>
                  <a:pt x="1582010" y="521893"/>
                  <a:pt x="1565301" y="528709"/>
                  <a:pt x="1554322" y="538722"/>
                </a:cubicBezTo>
                <a:cubicBezTo>
                  <a:pt x="1543344" y="548736"/>
                  <a:pt x="1537855" y="561222"/>
                  <a:pt x="1537855" y="576181"/>
                </a:cubicBezTo>
                <a:cubicBezTo>
                  <a:pt x="1537855" y="591382"/>
                  <a:pt x="1543163" y="603145"/>
                  <a:pt x="1553780" y="611469"/>
                </a:cubicBezTo>
                <a:cubicBezTo>
                  <a:pt x="1564396" y="619793"/>
                  <a:pt x="1578390" y="623955"/>
                  <a:pt x="1595763" y="623955"/>
                </a:cubicBezTo>
                <a:cubicBezTo>
                  <a:pt x="1611205" y="623955"/>
                  <a:pt x="1625682" y="620758"/>
                  <a:pt x="1639193" y="614364"/>
                </a:cubicBezTo>
                <a:cubicBezTo>
                  <a:pt x="1652705" y="607970"/>
                  <a:pt x="1663563" y="598741"/>
                  <a:pt x="1671766" y="586677"/>
                </a:cubicBezTo>
                <a:cubicBezTo>
                  <a:pt x="1679970" y="574613"/>
                  <a:pt x="1684072" y="560498"/>
                  <a:pt x="1684072" y="544332"/>
                </a:cubicBezTo>
                <a:close/>
                <a:moveTo>
                  <a:pt x="4340559" y="322835"/>
                </a:moveTo>
                <a:cubicBezTo>
                  <a:pt x="4322946" y="322835"/>
                  <a:pt x="4307685" y="328445"/>
                  <a:pt x="4294776" y="339665"/>
                </a:cubicBezTo>
                <a:cubicBezTo>
                  <a:pt x="4281867" y="350884"/>
                  <a:pt x="4272035" y="367050"/>
                  <a:pt x="4265279" y="388162"/>
                </a:cubicBezTo>
                <a:cubicBezTo>
                  <a:pt x="4258523" y="409274"/>
                  <a:pt x="4255145" y="434308"/>
                  <a:pt x="4255145" y="463261"/>
                </a:cubicBezTo>
                <a:cubicBezTo>
                  <a:pt x="4255145" y="492215"/>
                  <a:pt x="4258523" y="517248"/>
                  <a:pt x="4265279" y="538360"/>
                </a:cubicBezTo>
                <a:cubicBezTo>
                  <a:pt x="4272035" y="559473"/>
                  <a:pt x="4281867" y="575638"/>
                  <a:pt x="4294776" y="586858"/>
                </a:cubicBezTo>
                <a:cubicBezTo>
                  <a:pt x="4307685" y="598078"/>
                  <a:pt x="4322946" y="603687"/>
                  <a:pt x="4340559" y="603687"/>
                </a:cubicBezTo>
                <a:cubicBezTo>
                  <a:pt x="4357449" y="603687"/>
                  <a:pt x="4372046" y="598017"/>
                  <a:pt x="4384352" y="586677"/>
                </a:cubicBezTo>
                <a:cubicBezTo>
                  <a:pt x="4396657" y="575337"/>
                  <a:pt x="4406188" y="559111"/>
                  <a:pt x="4412944" y="537998"/>
                </a:cubicBezTo>
                <a:cubicBezTo>
                  <a:pt x="4419700" y="516886"/>
                  <a:pt x="4423078" y="491974"/>
                  <a:pt x="4423078" y="463261"/>
                </a:cubicBezTo>
                <a:cubicBezTo>
                  <a:pt x="4423078" y="434549"/>
                  <a:pt x="4419700" y="409636"/>
                  <a:pt x="4412944" y="388524"/>
                </a:cubicBezTo>
                <a:cubicBezTo>
                  <a:pt x="4406188" y="367412"/>
                  <a:pt x="4396657" y="351186"/>
                  <a:pt x="4384352" y="339846"/>
                </a:cubicBezTo>
                <a:cubicBezTo>
                  <a:pt x="4372046" y="328505"/>
                  <a:pt x="4357449" y="322835"/>
                  <a:pt x="4340559" y="322835"/>
                </a:cubicBezTo>
                <a:close/>
                <a:moveTo>
                  <a:pt x="4709464" y="185305"/>
                </a:moveTo>
                <a:lnTo>
                  <a:pt x="4909245" y="185305"/>
                </a:lnTo>
                <a:lnTo>
                  <a:pt x="4909245" y="498006"/>
                </a:lnTo>
                <a:cubicBezTo>
                  <a:pt x="4909486" y="525753"/>
                  <a:pt x="4916544" y="547408"/>
                  <a:pt x="4930418" y="562971"/>
                </a:cubicBezTo>
                <a:cubicBezTo>
                  <a:pt x="4944291" y="578534"/>
                  <a:pt x="4963774" y="586315"/>
                  <a:pt x="4988868" y="586315"/>
                </a:cubicBezTo>
                <a:cubicBezTo>
                  <a:pt x="5013720" y="586315"/>
                  <a:pt x="5033505" y="578413"/>
                  <a:pt x="5048223" y="562609"/>
                </a:cubicBezTo>
                <a:cubicBezTo>
                  <a:pt x="5062942" y="546805"/>
                  <a:pt x="5070180" y="525271"/>
                  <a:pt x="5069939" y="498006"/>
                </a:cubicBezTo>
                <a:lnTo>
                  <a:pt x="5069939" y="185305"/>
                </a:lnTo>
                <a:lnTo>
                  <a:pt x="5269720" y="185305"/>
                </a:lnTo>
                <a:lnTo>
                  <a:pt x="5269720" y="741218"/>
                </a:lnTo>
                <a:lnTo>
                  <a:pt x="5080073" y="741218"/>
                </a:lnTo>
                <a:lnTo>
                  <a:pt x="5080073" y="635537"/>
                </a:lnTo>
                <a:lnTo>
                  <a:pt x="5074282" y="635537"/>
                </a:lnTo>
                <a:cubicBezTo>
                  <a:pt x="5062218" y="671005"/>
                  <a:pt x="5041106" y="698692"/>
                  <a:pt x="5010945" y="718598"/>
                </a:cubicBezTo>
                <a:cubicBezTo>
                  <a:pt x="4980785" y="738504"/>
                  <a:pt x="4944955" y="748457"/>
                  <a:pt x="4903454" y="748457"/>
                </a:cubicBezTo>
                <a:cubicBezTo>
                  <a:pt x="4865090" y="748457"/>
                  <a:pt x="4831251" y="739589"/>
                  <a:pt x="4801935" y="721855"/>
                </a:cubicBezTo>
                <a:cubicBezTo>
                  <a:pt x="4772619" y="704121"/>
                  <a:pt x="4749878" y="679450"/>
                  <a:pt x="4733712" y="647842"/>
                </a:cubicBezTo>
                <a:cubicBezTo>
                  <a:pt x="4717546" y="616234"/>
                  <a:pt x="4709464" y="580283"/>
                  <a:pt x="4709464" y="539989"/>
                </a:cubicBezTo>
                <a:close/>
                <a:moveTo>
                  <a:pt x="3407285" y="185305"/>
                </a:moveTo>
                <a:lnTo>
                  <a:pt x="3615753" y="185305"/>
                </a:lnTo>
                <a:lnTo>
                  <a:pt x="3705509" y="570391"/>
                </a:lnTo>
                <a:lnTo>
                  <a:pt x="3711300" y="570391"/>
                </a:lnTo>
                <a:lnTo>
                  <a:pt x="3802505" y="185305"/>
                </a:lnTo>
                <a:lnTo>
                  <a:pt x="4012420" y="185305"/>
                </a:lnTo>
                <a:lnTo>
                  <a:pt x="3809743" y="787544"/>
                </a:lnTo>
                <a:cubicBezTo>
                  <a:pt x="3792853" y="837972"/>
                  <a:pt x="3765709" y="877603"/>
                  <a:pt x="3728311" y="906436"/>
                </a:cubicBezTo>
                <a:cubicBezTo>
                  <a:pt x="3690912" y="935269"/>
                  <a:pt x="3639398" y="949686"/>
                  <a:pt x="3573769" y="949686"/>
                </a:cubicBezTo>
                <a:cubicBezTo>
                  <a:pt x="3550848" y="949686"/>
                  <a:pt x="3529012" y="947997"/>
                  <a:pt x="3508261" y="944619"/>
                </a:cubicBezTo>
                <a:cubicBezTo>
                  <a:pt x="3487511" y="941241"/>
                  <a:pt x="3469294" y="936415"/>
                  <a:pt x="3453611" y="930142"/>
                </a:cubicBezTo>
                <a:lnTo>
                  <a:pt x="3497042" y="788268"/>
                </a:lnTo>
                <a:cubicBezTo>
                  <a:pt x="3520446" y="796472"/>
                  <a:pt x="3539628" y="800574"/>
                  <a:pt x="3554588" y="800574"/>
                </a:cubicBezTo>
                <a:cubicBezTo>
                  <a:pt x="3576544" y="800574"/>
                  <a:pt x="3591142" y="792370"/>
                  <a:pt x="3598380" y="775963"/>
                </a:cubicBezTo>
                <a:lnTo>
                  <a:pt x="3602723" y="765829"/>
                </a:lnTo>
                <a:close/>
                <a:moveTo>
                  <a:pt x="4339111" y="178066"/>
                </a:moveTo>
                <a:cubicBezTo>
                  <a:pt x="4398467" y="178066"/>
                  <a:pt x="4449860" y="190009"/>
                  <a:pt x="4493291" y="213896"/>
                </a:cubicBezTo>
                <a:cubicBezTo>
                  <a:pt x="4536721" y="237783"/>
                  <a:pt x="4569898" y="271321"/>
                  <a:pt x="4592819" y="314511"/>
                </a:cubicBezTo>
                <a:cubicBezTo>
                  <a:pt x="4615741" y="357701"/>
                  <a:pt x="4627202" y="407766"/>
                  <a:pt x="4627202" y="464709"/>
                </a:cubicBezTo>
                <a:cubicBezTo>
                  <a:pt x="4627202" y="521652"/>
                  <a:pt x="4615741" y="571718"/>
                  <a:pt x="4592819" y="614907"/>
                </a:cubicBezTo>
                <a:cubicBezTo>
                  <a:pt x="4569898" y="658097"/>
                  <a:pt x="4536721" y="691635"/>
                  <a:pt x="4493291" y="715522"/>
                </a:cubicBezTo>
                <a:cubicBezTo>
                  <a:pt x="4449860" y="739409"/>
                  <a:pt x="4398467" y="751352"/>
                  <a:pt x="4339111" y="751352"/>
                </a:cubicBezTo>
                <a:cubicBezTo>
                  <a:pt x="4279756" y="751352"/>
                  <a:pt x="4228363" y="739409"/>
                  <a:pt x="4184932" y="715522"/>
                </a:cubicBezTo>
                <a:cubicBezTo>
                  <a:pt x="4141502" y="691635"/>
                  <a:pt x="4108325" y="658097"/>
                  <a:pt x="4085403" y="614907"/>
                </a:cubicBezTo>
                <a:cubicBezTo>
                  <a:pt x="4062482" y="571718"/>
                  <a:pt x="4051021" y="521652"/>
                  <a:pt x="4051021" y="464709"/>
                </a:cubicBezTo>
                <a:cubicBezTo>
                  <a:pt x="4051021" y="407766"/>
                  <a:pt x="4062482" y="357701"/>
                  <a:pt x="4085403" y="314511"/>
                </a:cubicBezTo>
                <a:cubicBezTo>
                  <a:pt x="4108325" y="271321"/>
                  <a:pt x="4141502" y="237783"/>
                  <a:pt x="4184932" y="213896"/>
                </a:cubicBezTo>
                <a:cubicBezTo>
                  <a:pt x="4228363" y="190009"/>
                  <a:pt x="4279756" y="178066"/>
                  <a:pt x="4339111" y="178066"/>
                </a:cubicBezTo>
                <a:close/>
                <a:moveTo>
                  <a:pt x="2342054" y="178066"/>
                </a:moveTo>
                <a:cubicBezTo>
                  <a:pt x="2380659" y="178066"/>
                  <a:pt x="2414680" y="186993"/>
                  <a:pt x="2444117" y="204848"/>
                </a:cubicBezTo>
                <a:cubicBezTo>
                  <a:pt x="2473553" y="222703"/>
                  <a:pt x="2496233" y="247435"/>
                  <a:pt x="2512158" y="279043"/>
                </a:cubicBezTo>
                <a:cubicBezTo>
                  <a:pt x="2528083" y="310651"/>
                  <a:pt x="2536045" y="346481"/>
                  <a:pt x="2536045" y="386534"/>
                </a:cubicBezTo>
                <a:lnTo>
                  <a:pt x="2536045" y="741218"/>
                </a:lnTo>
                <a:lnTo>
                  <a:pt x="2336264" y="741218"/>
                </a:lnTo>
                <a:lnTo>
                  <a:pt x="2336264" y="428517"/>
                </a:lnTo>
                <a:cubicBezTo>
                  <a:pt x="2336505" y="401011"/>
                  <a:pt x="2329568" y="379416"/>
                  <a:pt x="2315453" y="363733"/>
                </a:cubicBezTo>
                <a:cubicBezTo>
                  <a:pt x="2301338" y="348049"/>
                  <a:pt x="2281734" y="340208"/>
                  <a:pt x="2256641" y="340208"/>
                </a:cubicBezTo>
                <a:cubicBezTo>
                  <a:pt x="2231789" y="340208"/>
                  <a:pt x="2212124" y="348049"/>
                  <a:pt x="2197647" y="363733"/>
                </a:cubicBezTo>
                <a:cubicBezTo>
                  <a:pt x="2183170" y="379416"/>
                  <a:pt x="2175811" y="401011"/>
                  <a:pt x="2175570" y="428517"/>
                </a:cubicBezTo>
                <a:lnTo>
                  <a:pt x="2175570" y="741218"/>
                </a:lnTo>
                <a:lnTo>
                  <a:pt x="1975788" y="741218"/>
                </a:lnTo>
                <a:lnTo>
                  <a:pt x="1975788" y="185305"/>
                </a:lnTo>
                <a:lnTo>
                  <a:pt x="2165436" y="185305"/>
                </a:lnTo>
                <a:lnTo>
                  <a:pt x="2165436" y="290986"/>
                </a:lnTo>
                <a:lnTo>
                  <a:pt x="2171227" y="290986"/>
                </a:lnTo>
                <a:cubicBezTo>
                  <a:pt x="2179189" y="267823"/>
                  <a:pt x="2191434" y="247736"/>
                  <a:pt x="2207962" y="230726"/>
                </a:cubicBezTo>
                <a:cubicBezTo>
                  <a:pt x="2224490" y="213715"/>
                  <a:pt x="2244214" y="200686"/>
                  <a:pt x="2267136" y="191638"/>
                </a:cubicBezTo>
                <a:cubicBezTo>
                  <a:pt x="2290058" y="182590"/>
                  <a:pt x="2315031" y="178066"/>
                  <a:pt x="2342054" y="178066"/>
                </a:cubicBezTo>
                <a:close/>
                <a:moveTo>
                  <a:pt x="1626164" y="178066"/>
                </a:moveTo>
                <a:cubicBezTo>
                  <a:pt x="1677799" y="178066"/>
                  <a:pt x="1723039" y="186028"/>
                  <a:pt x="1761885" y="201953"/>
                </a:cubicBezTo>
                <a:cubicBezTo>
                  <a:pt x="1800732" y="217878"/>
                  <a:pt x="1830530" y="239714"/>
                  <a:pt x="1851280" y="267461"/>
                </a:cubicBezTo>
                <a:cubicBezTo>
                  <a:pt x="1872030" y="295208"/>
                  <a:pt x="1882406" y="326213"/>
                  <a:pt x="1882406" y="360475"/>
                </a:cubicBezTo>
                <a:lnTo>
                  <a:pt x="1882406" y="741218"/>
                </a:lnTo>
                <a:lnTo>
                  <a:pt x="1695653" y="741218"/>
                </a:lnTo>
                <a:lnTo>
                  <a:pt x="1695653" y="663043"/>
                </a:lnTo>
                <a:lnTo>
                  <a:pt x="1691310" y="663043"/>
                </a:lnTo>
                <a:cubicBezTo>
                  <a:pt x="1674903" y="693203"/>
                  <a:pt x="1653369" y="715220"/>
                  <a:pt x="1626707" y="729094"/>
                </a:cubicBezTo>
                <a:cubicBezTo>
                  <a:pt x="1600045" y="742967"/>
                  <a:pt x="1568015" y="749904"/>
                  <a:pt x="1530617" y="749904"/>
                </a:cubicBezTo>
                <a:cubicBezTo>
                  <a:pt x="1494424" y="749904"/>
                  <a:pt x="1462756" y="743993"/>
                  <a:pt x="1435612" y="732170"/>
                </a:cubicBezTo>
                <a:cubicBezTo>
                  <a:pt x="1408468" y="720347"/>
                  <a:pt x="1387355" y="702311"/>
                  <a:pt x="1372275" y="678063"/>
                </a:cubicBezTo>
                <a:cubicBezTo>
                  <a:pt x="1357195" y="653814"/>
                  <a:pt x="1349655" y="623714"/>
                  <a:pt x="1349655" y="587763"/>
                </a:cubicBezTo>
                <a:cubicBezTo>
                  <a:pt x="1349655" y="530338"/>
                  <a:pt x="1368053" y="487691"/>
                  <a:pt x="1404848" y="459823"/>
                </a:cubicBezTo>
                <a:cubicBezTo>
                  <a:pt x="1441644" y="431955"/>
                  <a:pt x="1491288" y="415729"/>
                  <a:pt x="1553780" y="411144"/>
                </a:cubicBezTo>
                <a:cubicBezTo>
                  <a:pt x="1586353" y="408732"/>
                  <a:pt x="1611747" y="405776"/>
                  <a:pt x="1629964" y="402277"/>
                </a:cubicBezTo>
                <a:cubicBezTo>
                  <a:pt x="1648181" y="398779"/>
                  <a:pt x="1661512" y="393832"/>
                  <a:pt x="1669957" y="387438"/>
                </a:cubicBezTo>
                <a:cubicBezTo>
                  <a:pt x="1678402" y="381045"/>
                  <a:pt x="1682624" y="372539"/>
                  <a:pt x="1682624" y="361923"/>
                </a:cubicBezTo>
                <a:lnTo>
                  <a:pt x="1682624" y="360475"/>
                </a:lnTo>
                <a:cubicBezTo>
                  <a:pt x="1682624" y="346240"/>
                  <a:pt x="1677195" y="335201"/>
                  <a:pt x="1666338" y="327359"/>
                </a:cubicBezTo>
                <a:cubicBezTo>
                  <a:pt x="1655480" y="319518"/>
                  <a:pt x="1641124" y="315597"/>
                  <a:pt x="1623269" y="315597"/>
                </a:cubicBezTo>
                <a:cubicBezTo>
                  <a:pt x="1603725" y="315597"/>
                  <a:pt x="1588102" y="319819"/>
                  <a:pt x="1576400" y="328264"/>
                </a:cubicBezTo>
                <a:cubicBezTo>
                  <a:pt x="1564697" y="336709"/>
                  <a:pt x="1557640" y="349376"/>
                  <a:pt x="1555227" y="366266"/>
                </a:cubicBezTo>
                <a:lnTo>
                  <a:pt x="1371370" y="366266"/>
                </a:lnTo>
                <a:cubicBezTo>
                  <a:pt x="1373783" y="331280"/>
                  <a:pt x="1384822" y="299552"/>
                  <a:pt x="1404486" y="271080"/>
                </a:cubicBezTo>
                <a:cubicBezTo>
                  <a:pt x="1424151" y="242609"/>
                  <a:pt x="1452682" y="219989"/>
                  <a:pt x="1490081" y="203220"/>
                </a:cubicBezTo>
                <a:cubicBezTo>
                  <a:pt x="1527480" y="186451"/>
                  <a:pt x="1572841" y="178066"/>
                  <a:pt x="1626164" y="178066"/>
                </a:cubicBezTo>
                <a:close/>
                <a:moveTo>
                  <a:pt x="2633013" y="0"/>
                </a:moveTo>
                <a:lnTo>
                  <a:pt x="2832795" y="0"/>
                </a:lnTo>
                <a:lnTo>
                  <a:pt x="2832795" y="372057"/>
                </a:lnTo>
                <a:lnTo>
                  <a:pt x="2840033" y="372057"/>
                </a:lnTo>
                <a:lnTo>
                  <a:pt x="2974669" y="185305"/>
                </a:lnTo>
                <a:lnTo>
                  <a:pt x="3199061" y="185305"/>
                </a:lnTo>
                <a:lnTo>
                  <a:pt x="3010137" y="428879"/>
                </a:lnTo>
                <a:lnTo>
                  <a:pt x="3204851" y="741218"/>
                </a:lnTo>
                <a:lnTo>
                  <a:pt x="2976116" y="741218"/>
                </a:lnTo>
                <a:lnTo>
                  <a:pt x="2862834" y="545418"/>
                </a:lnTo>
                <a:lnTo>
                  <a:pt x="2832795" y="583420"/>
                </a:lnTo>
                <a:lnTo>
                  <a:pt x="2832795" y="741218"/>
                </a:lnTo>
                <a:lnTo>
                  <a:pt x="2633013" y="741218"/>
                </a:lnTo>
                <a:close/>
                <a:moveTo>
                  <a:pt x="718488" y="0"/>
                </a:moveTo>
                <a:lnTo>
                  <a:pt x="911031" y="0"/>
                </a:lnTo>
                <a:lnTo>
                  <a:pt x="911031" y="290986"/>
                </a:lnTo>
                <a:lnTo>
                  <a:pt x="916822" y="290986"/>
                </a:lnTo>
                <a:cubicBezTo>
                  <a:pt x="929369" y="255276"/>
                  <a:pt x="950300" y="227529"/>
                  <a:pt x="979616" y="207744"/>
                </a:cubicBezTo>
                <a:cubicBezTo>
                  <a:pt x="1008932" y="187959"/>
                  <a:pt x="1043978" y="178066"/>
                  <a:pt x="1084754" y="178066"/>
                </a:cubicBezTo>
                <a:cubicBezTo>
                  <a:pt x="1123360" y="178066"/>
                  <a:pt x="1157380" y="186933"/>
                  <a:pt x="1186817" y="204667"/>
                </a:cubicBezTo>
                <a:cubicBezTo>
                  <a:pt x="1216253" y="222402"/>
                  <a:pt x="1238934" y="247073"/>
                  <a:pt x="1254858" y="278681"/>
                </a:cubicBezTo>
                <a:cubicBezTo>
                  <a:pt x="1270783" y="310289"/>
                  <a:pt x="1278745" y="346240"/>
                  <a:pt x="1278745" y="386534"/>
                </a:cubicBezTo>
                <a:lnTo>
                  <a:pt x="1278745" y="741218"/>
                </a:lnTo>
                <a:lnTo>
                  <a:pt x="1078964" y="741218"/>
                </a:lnTo>
                <a:lnTo>
                  <a:pt x="1078964" y="428517"/>
                </a:lnTo>
                <a:cubicBezTo>
                  <a:pt x="1079205" y="400769"/>
                  <a:pt x="1072329" y="379114"/>
                  <a:pt x="1058334" y="363552"/>
                </a:cubicBezTo>
                <a:cubicBezTo>
                  <a:pt x="1044340" y="347989"/>
                  <a:pt x="1024675" y="340208"/>
                  <a:pt x="999341" y="340208"/>
                </a:cubicBezTo>
                <a:cubicBezTo>
                  <a:pt x="974730" y="340208"/>
                  <a:pt x="955126" y="348110"/>
                  <a:pt x="940528" y="363913"/>
                </a:cubicBezTo>
                <a:cubicBezTo>
                  <a:pt x="925931" y="379717"/>
                  <a:pt x="918511" y="401252"/>
                  <a:pt x="918270" y="428517"/>
                </a:cubicBezTo>
                <a:lnTo>
                  <a:pt x="918270" y="741218"/>
                </a:lnTo>
                <a:lnTo>
                  <a:pt x="718488" y="741218"/>
                </a:lnTo>
                <a:close/>
                <a:moveTo>
                  <a:pt x="0" y="0"/>
                </a:moveTo>
                <a:lnTo>
                  <a:pt x="644223" y="0"/>
                </a:lnTo>
                <a:lnTo>
                  <a:pt x="644223" y="162141"/>
                </a:lnTo>
                <a:lnTo>
                  <a:pt x="421279" y="162141"/>
                </a:lnTo>
                <a:lnTo>
                  <a:pt x="421279" y="741218"/>
                </a:lnTo>
                <a:lnTo>
                  <a:pt x="222945" y="741218"/>
                </a:lnTo>
                <a:lnTo>
                  <a:pt x="222945" y="162141"/>
                </a:lnTo>
                <a:lnTo>
                  <a:pt x="0" y="162141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noProof="0" dirty="0" err="1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F60423B-0833-413C-8670-D2F1D86B4D98}"/>
              </a:ext>
            </a:extLst>
          </p:cNvPr>
          <p:cNvSpPr txBox="1"/>
          <p:nvPr userDrawn="1"/>
        </p:nvSpPr>
        <p:spPr>
          <a:xfrm>
            <a:off x="7350780" y="1474967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8000" dirty="0">
              <a:solidFill>
                <a:schemeClr val="accent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10838193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62719527"/>
      </p:ext>
    </p:extLst>
  </p:cSld>
  <p:clrMapOvr>
    <a:masterClrMapping/>
  </p:clrMapOvr>
</p:sldLayout>
</file>

<file path=ppt/slideLayouts/slideLayout1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yellow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16845489"/>
      </p:ext>
    </p:extLst>
  </p:cSld>
  <p:clrMapOvr>
    <a:masterClrMapping/>
  </p:clrMapOvr>
</p:sldLayout>
</file>

<file path=ppt/slideLayouts/slideLayout1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re seu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16166570"/>
      </p:ext>
    </p:extLst>
  </p:cSld>
  <p:clrMapOvr>
    <a:masterClrMapping/>
  </p:clrMapOvr>
</p:sldLayout>
</file>

<file path=ppt/slideLayouts/slideLayout118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V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8E191F-9315-439E-B3E1-E244B439CE9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421B79-34B3-49E9-88AB-D05336546B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5FA46-FFD0-4832-8708-FF45CE149A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45741997"/>
      </p:ext>
    </p:extLst>
  </p:cSld>
  <p:clrMapOvr>
    <a:masterClrMapping/>
  </p:clrMapOvr>
</p:sldLayout>
</file>

<file path=ppt/slideLayouts/slideLayout1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Dstny Body" panose="02000603000000020004" pitchFamily="2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1227" y="1733517"/>
            <a:ext cx="2916000" cy="346248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lete bullet for regular text. 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sz="1600" dirty="0">
                <a:latin typeface="+mn-lt"/>
                <a:cs typeface="Dstny Body" panose="02000603000000020004" pitchFamily="2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Layout </a:t>
            </a: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to view a dropdown menu of possible slide layouts</a:t>
            </a:r>
            <a:endParaRPr lang="en-GB" sz="900" dirty="0">
              <a:latin typeface="+mn-lt"/>
              <a:ea typeface="Dstny Body" panose="02000603000000020004" pitchFamily="2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62260" y="1742868"/>
            <a:ext cx="2936481" cy="344709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menu to reset position, size and formatting of the slide placeholders to their default settings</a:t>
            </a:r>
            <a:endParaRPr lang="en-GB" altLang="da-DK" sz="900" baseline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PICTURES</a:t>
            </a:r>
            <a:endParaRPr lang="en-GB" sz="16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browse for picture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74443" y="1733517"/>
            <a:ext cx="2936482" cy="41395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HEADER &amp; FOOT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Dstny Body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+ option + ctrl + G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10501896-43DD-469D-A55E-AA24E780130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99609" y="3500899"/>
            <a:ext cx="257143" cy="28571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99609" y="5003956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22597" y="315575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99609" y="4178576"/>
            <a:ext cx="328881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95011" y="2259973"/>
            <a:ext cx="538465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298741" y="3887427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70780" y="2271263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9609" y="2809191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8830006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108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70926861"/>
      </p:ext>
    </p:extLst>
  </p:cSld>
  <p:clrMapOvr>
    <a:masterClrMapping/>
  </p:clrMapOvr>
</p:sldLayout>
</file>

<file path=ppt/slideLayouts/slideLayout1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assific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algn="l"/>
            <a:r>
              <a:rPr lang="en-GB" sz="3200" kern="1200" cap="all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lassification Levels Policy </a:t>
            </a:r>
          </a:p>
        </p:txBody>
      </p:sp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8F31359-7304-45D0-84E0-C8364FD2AC19}"/>
              </a:ext>
            </a:extLst>
          </p:cNvPr>
          <p:cNvSpPr txBox="1"/>
          <p:nvPr userDrawn="1"/>
        </p:nvSpPr>
        <p:spPr>
          <a:xfrm>
            <a:off x="431800" y="1724025"/>
            <a:ext cx="8517991" cy="41549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Public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can be made public and whose disclosure is not prejudicial to the interests of Dstny, including its staff and stakeholders in its activities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Restricted</a:t>
            </a:r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:</a:t>
            </a:r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 </a:t>
            </a:r>
            <a:r>
              <a:rPr lang="en-GB" sz="1800" b="1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Any information accessible by Dstny staff and disseminated to outsiders on a need-to-know basis under the responsibility of an authorised Dstny worker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onfidential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communicated to identified data subjects and whose unwanted disclosure could have significant consequences for Dstny 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Secret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disclosed to identified and mutually identifiable data subjects, and whose unwanted disclosure could have critical consequences for Dstny </a:t>
            </a:r>
            <a:endParaRPr lang="en-GB" sz="1800" dirty="0"/>
          </a:p>
        </p:txBody>
      </p:sp>
    </p:spTree>
    <p:extLst>
      <p:ext uri="{BB962C8B-B14F-4D97-AF65-F5344CB8AC3E}">
        <p14:creationId xmlns:p14="http://schemas.microsoft.com/office/powerpoint/2010/main" val="1259003456"/>
      </p:ext>
    </p:extLst>
  </p:cSld>
  <p:clrMapOvr>
    <a:masterClrMapping/>
  </p:clrMapOvr>
</p:sldLayout>
</file>

<file path=ppt/slideLayouts/slideLayout1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&gt;Do not use layouts after this &gt;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09805835"/>
      </p:ext>
    </p:extLst>
  </p:cSld>
  <p:clrMapOvr>
    <a:masterClrMapping/>
  </p:clrMapOvr>
</p:sldLayout>
</file>

<file path=ppt/slideLayouts/slideLayout1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1072433"/>
      </p:ext>
    </p:extLst>
  </p:cSld>
  <p:clrMapOvr>
    <a:masterClrMapping/>
  </p:clrMapOvr>
</p:sldLayout>
</file>

<file path=ppt/slideLayouts/slideLayout1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/>
          <p:nvPr userDrawn="1"/>
        </p:nvSpPr>
        <p:spPr>
          <a:xfrm>
            <a:off x="9154803" y="318416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313203" y="864000"/>
            <a:ext cx="4512551" cy="4536000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/>
          <p:nvPr userDrawn="1"/>
        </p:nvSpPr>
        <p:spPr>
          <a:xfrm>
            <a:off x="9656245" y="1565755"/>
            <a:ext cx="1901370" cy="1901371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79488" y="2160000"/>
            <a:ext cx="4899025" cy="3830400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88" y="5991224"/>
            <a:ext cx="4899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68897268"/>
      </p:ext>
    </p:extLst>
  </p:cSld>
  <p:clrMapOvr>
    <a:masterClrMapping/>
  </p:clrMapOvr>
</p:sldLayout>
</file>

<file path=ppt/slideLayouts/slideLayout1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End slid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50598529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5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2_Titre et conten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fr-FR"/>
              <a:t>Modifiez le style du titre</a:t>
            </a:r>
            <a:endParaRPr lang="de-DE"/>
          </a:p>
        </p:txBody>
      </p:sp>
      <p:sp>
        <p:nvSpPr>
          <p:cNvPr id="3" name="Espace réservé du contenu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fr-FR"/>
              <a:t>Modifiez les styles du texte du masque</a:t>
            </a:r>
          </a:p>
          <a:p>
            <a:pPr lvl="1"/>
            <a:r>
              <a:rPr lang="fr-FR"/>
              <a:t>Deuxième niveau</a:t>
            </a:r>
          </a:p>
          <a:p>
            <a:pPr lvl="2"/>
            <a:r>
              <a:rPr lang="fr-FR"/>
              <a:t>Troisième niveau</a:t>
            </a:r>
          </a:p>
          <a:p>
            <a:pPr lvl="3"/>
            <a:r>
              <a:rPr lang="fr-FR"/>
              <a:t>Quatrième niveau</a:t>
            </a:r>
          </a:p>
          <a:p>
            <a:pPr lvl="4"/>
            <a:r>
              <a:rPr lang="fr-FR"/>
              <a:t>Cinquième niveau</a:t>
            </a:r>
            <a:endParaRPr lang="de-DE"/>
          </a:p>
        </p:txBody>
      </p:sp>
      <p:sp>
        <p:nvSpPr>
          <p:cNvPr id="4" name="Espace réservé de la date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38941B0-F4D5-4460-BCAD-F7E2B41A8257}" type="datetimeFigureOut">
              <a:rPr lang="de-DE" smtClean="0"/>
              <a:t>15.11.23</a:t>
            </a:fld>
            <a:endParaRPr lang="de-DE"/>
          </a:p>
        </p:txBody>
      </p:sp>
      <p:sp>
        <p:nvSpPr>
          <p:cNvPr id="5" name="Espace réservé du pied de page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6" name="Espace réservé du numéro de diapositive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7C6CCC6-2BE5-4E42-96A4-D1E8E81A3D8E}" type="slidenum">
              <a:rPr lang="de-DE" smtClean="0"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835271602"/>
      </p:ext>
    </p:extLst>
  </p:cSld>
  <p:clrMapOvr>
    <a:masterClrMapping/>
  </p:clrMapOvr>
</p:sldLayout>
</file>

<file path=ppt/slideLayouts/slideLayout12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440316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23D6DE55-12CE-4DCC-AB6C-3C77D2902D2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Rectangle">
            <a:extLst>
              <a:ext uri="{FF2B5EF4-FFF2-40B4-BE49-F238E27FC236}">
                <a16:creationId xmlns:a16="http://schemas.microsoft.com/office/drawing/2014/main" id="{8937A0AD-FEFD-45EB-B4D0-1E2ED999056C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 b="1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FEED0661-B3F8-4AFA-9CE3-DCAF01813D9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99127405"/>
      </p:ext>
    </p:extLst>
  </p:cSld>
  <p:clrMapOvr>
    <a:masterClrMapping/>
  </p:clrMapOvr>
</p:sldLayout>
</file>

<file path=ppt/slideLayouts/slideLayout1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346214CE-CAE1-433D-A846-FC3342686ED0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 bwMode="white"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41BD7EA-C3CC-4195-B396-34D12DCC862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4849408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62B4802F-FA45-4EE6-83A6-B60CB36913B4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2874367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83880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Enter &amp; TAB for next text level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1728000"/>
            <a:ext cx="19584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83880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97772219"/>
      </p:ext>
    </p:extLst>
  </p:cSld>
  <p:clrMapOvr>
    <a:masterClrMapping/>
  </p:clrMapOvr>
</p:sldLayout>
</file>

<file path=ppt/slideLayouts/slideLayout1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dark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bg1"/>
                </a:solidFill>
              </a:defRPr>
            </a:lvl1pPr>
          </a:lstStyle>
          <a:p>
            <a:fld id="{38BAF498-A710-4AAA-9AF7-1FA5D1B3A456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21433039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light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8943975" y="2743200"/>
            <a:ext cx="2505075" cy="124777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38BAF498-A710-4AAA-9AF7-1FA5D1B3A456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126651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0535AB10-5016-4BBE-B319-91BC6F875FE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>
          <a:xfrm rot="5400000" flipV="1">
            <a:off x="439200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7" y="6199199"/>
            <a:ext cx="901603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>
                <a:latin typeface="+mn-lt"/>
              </a:defRPr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52902554"/>
      </p:ext>
    </p:extLst>
  </p:cSld>
  <p:clrMapOvr>
    <a:masterClrMapping/>
  </p:clrMapOvr>
</p:sldLayout>
</file>

<file path=ppt/slideLayouts/slideLayout1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74232FE-6B21-4D3C-8891-6A33800C6D20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 bwMode="white">
          <a:xfrm rot="5400000" flipV="1">
            <a:off x="439200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958339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E552D84-A027-418B-B489-16EF46A08E8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45157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696815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E7966683-9609-42DF-8F42-B189A090742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7838943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35F8FA-83AA-40A7-A81F-145B0272EF9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62D0141-A742-40EA-90CE-E9F3A4CC6BB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AE8AB24-1A29-4E44-8B8A-66ED307E211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8908341"/>
      </p:ext>
    </p:extLst>
  </p:cSld>
  <p:clrMapOvr>
    <a:masterClrMapping/>
  </p:clrMapOvr>
</p:sldLayout>
</file>

<file path=ppt/slideLayouts/slideLayout1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108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46340330"/>
      </p:ext>
    </p:extLst>
  </p:cSld>
  <p:clrMapOvr>
    <a:masterClrMapping/>
  </p:clrMapOvr>
</p:sldLayout>
</file>

<file path=ppt/slideLayouts/slideLayout1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83880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Enter &amp; TAB for next text level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1728000"/>
            <a:ext cx="19584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83880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1375489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75175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7840800" cy="860025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2160000"/>
            <a:ext cx="78408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Enter &amp; TAB for next text level                        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2160000"/>
            <a:ext cx="1958400" cy="3830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78408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3978239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 userDrawn="1">
          <p15:clr>
            <a:srgbClr val="F26B43"/>
          </p15:clr>
        </p15:guide>
      </p15:sldGuideLst>
    </p:ext>
  </p:extLst>
</p:sldLayout>
</file>

<file path=ppt/slideLayouts/slideLayout1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75175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7840800" cy="860025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2160000"/>
            <a:ext cx="78408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Enter &amp; TAB for next text level                        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2160000"/>
            <a:ext cx="1958400" cy="3830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78408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32016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1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/>
          <p:nvPr userDrawn="1"/>
        </p:nvSpPr>
        <p:spPr>
          <a:xfrm>
            <a:off x="9154803" y="318416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313203" y="864000"/>
            <a:ext cx="4512551" cy="4536000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/>
          <p:nvPr userDrawn="1"/>
        </p:nvSpPr>
        <p:spPr>
          <a:xfrm>
            <a:off x="9656245" y="1565755"/>
            <a:ext cx="1901370" cy="1901371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79488" y="2160000"/>
            <a:ext cx="4899025" cy="3830400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88" y="5991224"/>
            <a:ext cx="4899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5276187"/>
      </p:ext>
    </p:extLst>
  </p:cSld>
  <p:clrMapOvr>
    <a:masterClrMapping/>
  </p:clrMapOvr>
</p:sldLayout>
</file>

<file path=ppt/slideLayouts/slideLayout1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51732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3531600" y="3364200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4400" y="863999"/>
            <a:ext cx="5172625" cy="86002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584400" y="2160000"/>
            <a:ext cx="51732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584400" y="5991224"/>
            <a:ext cx="51804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A93765-CE2C-40DF-A07F-38F61BBB42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0AE797-4FC1-4511-8181-FEA09BFEF7C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A7B1EA-FFDB-44FE-9A80-5626E53F81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75340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1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78300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1920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4000" y="1368000"/>
            <a:ext cx="2509200" cy="4168800"/>
          </a:xfrm>
        </p:spPr>
        <p:txBody>
          <a:bodyPr/>
          <a:lstStyle>
            <a:lvl1pPr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252000" y="864000"/>
            <a:ext cx="2505600" cy="5126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2000" y="5991224"/>
            <a:ext cx="250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639369-DFE2-4509-AEB5-C21FB645638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43103C-01F7-4802-B93F-A5AF643FFDE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91A0EBB-DBF9-4086-B365-2D0662B21F1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91718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1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E07CD6B4-09CD-40D3-BFB2-70EAF73B36C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433000 w 12193200"/>
              <a:gd name="connsiteY148" fmla="*/ 864356 h 6861600"/>
              <a:gd name="connsiteX149" fmla="*/ 433000 w 12193200"/>
              <a:gd name="connsiteY149" fmla="*/ 5990756 h 6861600"/>
              <a:gd name="connsiteX150" fmla="*/ 559000 w 12193200"/>
              <a:gd name="connsiteY150" fmla="*/ 5990756 h 6861600"/>
              <a:gd name="connsiteX151" fmla="*/ 559000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433000" y="864356"/>
                </a:moveTo>
                <a:lnTo>
                  <a:pt x="433000" y="5990756"/>
                </a:lnTo>
                <a:lnTo>
                  <a:pt x="559000" y="5990756"/>
                </a:lnTo>
                <a:lnTo>
                  <a:pt x="559000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90000" y="864000"/>
            <a:ext cx="29304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2DA8A14E-DC03-49C9-92CA-121CFBEC32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9799200" y="864000"/>
            <a:ext cx="1954800" cy="5126400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 cap="none" baseline="0">
                <a:solidFill>
                  <a:schemeClr val="bg1"/>
                </a:solidFill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7759184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18301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A720CB42-81A1-4A6B-977A-543E442C7704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4F0B8F97-F01E-49B6-99DD-0C487D2382B4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4F400C32-FBDE-424B-B4C5-B20E6FA9EC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92401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374237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FD1B9649-FA38-462A-A772-F439A69356A5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8" name="Logo">
            <a:extLst>
              <a:ext uri="{FF2B5EF4-FFF2-40B4-BE49-F238E27FC236}">
                <a16:creationId xmlns:a16="http://schemas.microsoft.com/office/drawing/2014/main" id="{5A5521B7-1186-4CA9-A8D4-6E07481414C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 bwMode="white"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 bwMode="white"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4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964F4D-7160-4DB8-900F-F3B7AB805741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F8B77D-D382-42D8-95C1-0C47695CBD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1259E83-889E-4E1B-BEA6-D8459EDC58F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46801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0707241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/>
          <p:nvPr userDrawn="1"/>
        </p:nvSpPr>
        <p:spPr>
          <a:xfrm>
            <a:off x="9154803" y="318416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313203" y="864000"/>
            <a:ext cx="4512551" cy="4536000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/>
          <p:nvPr userDrawn="1"/>
        </p:nvSpPr>
        <p:spPr>
          <a:xfrm>
            <a:off x="9656245" y="1565755"/>
            <a:ext cx="1901370" cy="1901371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79488" y="2160000"/>
            <a:ext cx="4899025" cy="3830400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88" y="5991224"/>
            <a:ext cx="4899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02673334"/>
      </p:ext>
    </p:extLst>
  </p:cSld>
  <p:clrMapOvr>
    <a:masterClrMapping/>
  </p:clrMapOvr>
</p:sldLayout>
</file>

<file path=ppt/slideLayouts/slideLayout1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0" bIns="576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505600" cy="1915200"/>
          </a:xfrm>
        </p:spPr>
        <p:txBody>
          <a:bodyPr anchor="t" anchorCtr="0"/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5B12D-AFCA-4C69-8772-3103D984CD9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D37CD5E9-4514-4A77-9781-C0FC80437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33732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F023000C-62EC-4AE1-9428-2B6EA4DF5F7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3108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FE03E1E-7BBA-4981-A199-083F8DE64A6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7447075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3532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tx1"/>
              </a:solidFill>
            </a:endParaRP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4A421D-40AC-4B3C-B046-B97D2CDEB7D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4217A7-1C84-4022-9AF0-8A02934FBF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626653-B042-4CAD-ABE7-FCC2DB1ACE3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581318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12924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836601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20700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792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262251-164F-4D9F-BEE6-DBF9AF1C6B9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FAD54A-EFB6-40DC-A8BF-327E43A08F1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A44297-F69A-4FA2-AD60-0EA38D021B9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0760185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46A2CB-4C6C-4AC8-9450-CD3828AF787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033000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148000" cy="5122800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A2F42676-7691-4BBA-B454-CF007CCADCB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609597" y="864000"/>
            <a:ext cx="5148000" cy="5122799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4FBCBC-1785-4DFB-84A8-04367CD12684}"/>
              </a:ext>
            </a:extLst>
          </p:cNvPr>
          <p:cNvSpPr>
            <a:spLocks noGrp="1"/>
          </p:cNvSpPr>
          <p:nvPr>
            <p:ph type="dt" sz="half" idx="2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2F9B70-FCB9-43D9-9F30-EE12E6A1D4A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ACFBE7-785A-4311-8356-55947434B49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84505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63DA7E30-9A41-4C82-A7CB-D8A1E3912EAA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9" name="Text Placeholder 16">
            <a:extLst>
              <a:ext uri="{FF2B5EF4-FFF2-40B4-BE49-F238E27FC236}">
                <a16:creationId xmlns:a16="http://schemas.microsoft.com/office/drawing/2014/main" id="{AF04E0B3-14B7-4D62-87B4-0112A485F8C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417637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70457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       Enter &amp; TAB for next text level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48259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034A43F0-B693-4A6A-922F-5584D05D23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0653125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DE7121FB-1BE2-4733-A7DE-83DABC7A11B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37374237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1090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2000" y="864000"/>
            <a:ext cx="5878800" cy="4262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62000" y="5137200"/>
            <a:ext cx="5880100" cy="3600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noProof="0" dirty="0"/>
              <a:t>Click to add Nam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5E3943B2-B1DF-42B0-9F1C-B752FFA217D8}"/>
              </a:ext>
            </a:extLst>
          </p:cNvPr>
          <p:cNvSpPr>
            <a:spLocks noChangeAspect="1"/>
          </p:cNvSpPr>
          <p:nvPr userDrawn="1"/>
        </p:nvSpPr>
        <p:spPr bwMode="white">
          <a:xfrm>
            <a:off x="431799" y="864358"/>
            <a:ext cx="565325" cy="432000"/>
          </a:xfrm>
          <a:custGeom>
            <a:avLst/>
            <a:gdLst/>
            <a:ahLst/>
            <a:cxnLst/>
            <a:rect l="l" t="t" r="r" b="b"/>
            <a:pathLst>
              <a:path w="436820" h="333802">
                <a:moveTo>
                  <a:pt x="343248" y="0"/>
                </a:moveTo>
                <a:lnTo>
                  <a:pt x="436820" y="51285"/>
                </a:lnTo>
                <a:cubicBezTo>
                  <a:pt x="420625" y="77677"/>
                  <a:pt x="407729" y="105194"/>
                  <a:pt x="398132" y="133836"/>
                </a:cubicBezTo>
                <a:cubicBezTo>
                  <a:pt x="388535" y="162477"/>
                  <a:pt x="383886" y="194793"/>
                  <a:pt x="384186" y="230782"/>
                </a:cubicBezTo>
                <a:lnTo>
                  <a:pt x="384186" y="333802"/>
                </a:lnTo>
                <a:lnTo>
                  <a:pt x="225833" y="333802"/>
                </a:lnTo>
                <a:lnTo>
                  <a:pt x="225833" y="231232"/>
                </a:lnTo>
                <a:cubicBezTo>
                  <a:pt x="225833" y="202740"/>
                  <a:pt x="231456" y="173874"/>
                  <a:pt x="242703" y="144633"/>
                </a:cubicBezTo>
                <a:cubicBezTo>
                  <a:pt x="253949" y="115391"/>
                  <a:pt x="268645" y="88099"/>
                  <a:pt x="286790" y="62757"/>
                </a:cubicBezTo>
                <a:cubicBezTo>
                  <a:pt x="304934" y="37414"/>
                  <a:pt x="323754" y="16495"/>
                  <a:pt x="343248" y="0"/>
                </a:cubicBezTo>
                <a:close/>
                <a:moveTo>
                  <a:pt x="117415" y="0"/>
                </a:moveTo>
                <a:lnTo>
                  <a:pt x="210987" y="51285"/>
                </a:lnTo>
                <a:cubicBezTo>
                  <a:pt x="194792" y="77677"/>
                  <a:pt x="181896" y="105194"/>
                  <a:pt x="172299" y="133836"/>
                </a:cubicBezTo>
                <a:cubicBezTo>
                  <a:pt x="162701" y="162477"/>
                  <a:pt x="158053" y="194793"/>
                  <a:pt x="158353" y="230782"/>
                </a:cubicBezTo>
                <a:lnTo>
                  <a:pt x="158353" y="333802"/>
                </a:lnTo>
                <a:lnTo>
                  <a:pt x="0" y="333802"/>
                </a:lnTo>
                <a:lnTo>
                  <a:pt x="0" y="231232"/>
                </a:lnTo>
                <a:cubicBezTo>
                  <a:pt x="0" y="202740"/>
                  <a:pt x="5623" y="173874"/>
                  <a:pt x="16870" y="144633"/>
                </a:cubicBezTo>
                <a:cubicBezTo>
                  <a:pt x="28116" y="115391"/>
                  <a:pt x="42812" y="88099"/>
                  <a:pt x="60957" y="62757"/>
                </a:cubicBezTo>
                <a:cubicBezTo>
                  <a:pt x="79101" y="37414"/>
                  <a:pt x="97921" y="16495"/>
                  <a:pt x="117415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12" name="Text Placeholder notes">
            <a:extLst>
              <a:ext uri="{FF2B5EF4-FFF2-40B4-BE49-F238E27FC236}">
                <a16:creationId xmlns:a16="http://schemas.microsoft.com/office/drawing/2014/main" id="{07820C89-0519-40C4-9EA9-207BD7F2204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962000" y="5695200"/>
            <a:ext cx="5878800" cy="295200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32536216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B99E036B-4CAD-4D2B-963A-EA155AD21A3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50000"/>
            <a:ext cx="165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850000"/>
            <a:ext cx="1656000" cy="1476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ontact information</a:t>
            </a: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57BCA77D-A437-4BE5-9F1B-499DFCDA409D}"/>
              </a:ext>
            </a:extLst>
          </p:cNvPr>
          <p:cNvSpPr/>
          <p:nvPr userDrawn="1"/>
        </p:nvSpPr>
        <p:spPr>
          <a:xfrm>
            <a:off x="2001182" y="924535"/>
            <a:ext cx="5269720" cy="949686"/>
          </a:xfrm>
          <a:custGeom>
            <a:avLst/>
            <a:gdLst/>
            <a:ahLst/>
            <a:cxnLst/>
            <a:rect l="l" t="t" r="r" b="b"/>
            <a:pathLst>
              <a:path w="5269720" h="949686">
                <a:moveTo>
                  <a:pt x="1684072" y="498006"/>
                </a:moveTo>
                <a:cubicBezTo>
                  <a:pt x="1664287" y="506210"/>
                  <a:pt x="1637746" y="512965"/>
                  <a:pt x="1604449" y="518274"/>
                </a:cubicBezTo>
                <a:cubicBezTo>
                  <a:pt x="1582010" y="521893"/>
                  <a:pt x="1565301" y="528709"/>
                  <a:pt x="1554322" y="538722"/>
                </a:cubicBezTo>
                <a:cubicBezTo>
                  <a:pt x="1543344" y="548736"/>
                  <a:pt x="1537855" y="561222"/>
                  <a:pt x="1537855" y="576181"/>
                </a:cubicBezTo>
                <a:cubicBezTo>
                  <a:pt x="1537855" y="591382"/>
                  <a:pt x="1543163" y="603145"/>
                  <a:pt x="1553780" y="611469"/>
                </a:cubicBezTo>
                <a:cubicBezTo>
                  <a:pt x="1564396" y="619793"/>
                  <a:pt x="1578390" y="623955"/>
                  <a:pt x="1595763" y="623955"/>
                </a:cubicBezTo>
                <a:cubicBezTo>
                  <a:pt x="1611205" y="623955"/>
                  <a:pt x="1625682" y="620758"/>
                  <a:pt x="1639193" y="614364"/>
                </a:cubicBezTo>
                <a:cubicBezTo>
                  <a:pt x="1652705" y="607970"/>
                  <a:pt x="1663563" y="598741"/>
                  <a:pt x="1671766" y="586677"/>
                </a:cubicBezTo>
                <a:cubicBezTo>
                  <a:pt x="1679970" y="574613"/>
                  <a:pt x="1684072" y="560498"/>
                  <a:pt x="1684072" y="544332"/>
                </a:cubicBezTo>
                <a:close/>
                <a:moveTo>
                  <a:pt x="4340559" y="322835"/>
                </a:moveTo>
                <a:cubicBezTo>
                  <a:pt x="4322946" y="322835"/>
                  <a:pt x="4307685" y="328445"/>
                  <a:pt x="4294776" y="339665"/>
                </a:cubicBezTo>
                <a:cubicBezTo>
                  <a:pt x="4281867" y="350884"/>
                  <a:pt x="4272035" y="367050"/>
                  <a:pt x="4265279" y="388162"/>
                </a:cubicBezTo>
                <a:cubicBezTo>
                  <a:pt x="4258523" y="409274"/>
                  <a:pt x="4255145" y="434308"/>
                  <a:pt x="4255145" y="463261"/>
                </a:cubicBezTo>
                <a:cubicBezTo>
                  <a:pt x="4255145" y="492215"/>
                  <a:pt x="4258523" y="517248"/>
                  <a:pt x="4265279" y="538360"/>
                </a:cubicBezTo>
                <a:cubicBezTo>
                  <a:pt x="4272035" y="559473"/>
                  <a:pt x="4281867" y="575638"/>
                  <a:pt x="4294776" y="586858"/>
                </a:cubicBezTo>
                <a:cubicBezTo>
                  <a:pt x="4307685" y="598078"/>
                  <a:pt x="4322946" y="603687"/>
                  <a:pt x="4340559" y="603687"/>
                </a:cubicBezTo>
                <a:cubicBezTo>
                  <a:pt x="4357449" y="603687"/>
                  <a:pt x="4372046" y="598017"/>
                  <a:pt x="4384352" y="586677"/>
                </a:cubicBezTo>
                <a:cubicBezTo>
                  <a:pt x="4396657" y="575337"/>
                  <a:pt x="4406188" y="559111"/>
                  <a:pt x="4412944" y="537998"/>
                </a:cubicBezTo>
                <a:cubicBezTo>
                  <a:pt x="4419700" y="516886"/>
                  <a:pt x="4423078" y="491974"/>
                  <a:pt x="4423078" y="463261"/>
                </a:cubicBezTo>
                <a:cubicBezTo>
                  <a:pt x="4423078" y="434549"/>
                  <a:pt x="4419700" y="409636"/>
                  <a:pt x="4412944" y="388524"/>
                </a:cubicBezTo>
                <a:cubicBezTo>
                  <a:pt x="4406188" y="367412"/>
                  <a:pt x="4396657" y="351186"/>
                  <a:pt x="4384352" y="339846"/>
                </a:cubicBezTo>
                <a:cubicBezTo>
                  <a:pt x="4372046" y="328505"/>
                  <a:pt x="4357449" y="322835"/>
                  <a:pt x="4340559" y="322835"/>
                </a:cubicBezTo>
                <a:close/>
                <a:moveTo>
                  <a:pt x="4709464" y="185305"/>
                </a:moveTo>
                <a:lnTo>
                  <a:pt x="4909245" y="185305"/>
                </a:lnTo>
                <a:lnTo>
                  <a:pt x="4909245" y="498006"/>
                </a:lnTo>
                <a:cubicBezTo>
                  <a:pt x="4909486" y="525753"/>
                  <a:pt x="4916544" y="547408"/>
                  <a:pt x="4930418" y="562971"/>
                </a:cubicBezTo>
                <a:cubicBezTo>
                  <a:pt x="4944291" y="578534"/>
                  <a:pt x="4963774" y="586315"/>
                  <a:pt x="4988868" y="586315"/>
                </a:cubicBezTo>
                <a:cubicBezTo>
                  <a:pt x="5013720" y="586315"/>
                  <a:pt x="5033505" y="578413"/>
                  <a:pt x="5048223" y="562609"/>
                </a:cubicBezTo>
                <a:cubicBezTo>
                  <a:pt x="5062942" y="546805"/>
                  <a:pt x="5070180" y="525271"/>
                  <a:pt x="5069939" y="498006"/>
                </a:cubicBezTo>
                <a:lnTo>
                  <a:pt x="5069939" y="185305"/>
                </a:lnTo>
                <a:lnTo>
                  <a:pt x="5269720" y="185305"/>
                </a:lnTo>
                <a:lnTo>
                  <a:pt x="5269720" y="741218"/>
                </a:lnTo>
                <a:lnTo>
                  <a:pt x="5080073" y="741218"/>
                </a:lnTo>
                <a:lnTo>
                  <a:pt x="5080073" y="635537"/>
                </a:lnTo>
                <a:lnTo>
                  <a:pt x="5074282" y="635537"/>
                </a:lnTo>
                <a:cubicBezTo>
                  <a:pt x="5062218" y="671005"/>
                  <a:pt x="5041106" y="698692"/>
                  <a:pt x="5010945" y="718598"/>
                </a:cubicBezTo>
                <a:cubicBezTo>
                  <a:pt x="4980785" y="738504"/>
                  <a:pt x="4944955" y="748457"/>
                  <a:pt x="4903454" y="748457"/>
                </a:cubicBezTo>
                <a:cubicBezTo>
                  <a:pt x="4865090" y="748457"/>
                  <a:pt x="4831251" y="739589"/>
                  <a:pt x="4801935" y="721855"/>
                </a:cubicBezTo>
                <a:cubicBezTo>
                  <a:pt x="4772619" y="704121"/>
                  <a:pt x="4749878" y="679450"/>
                  <a:pt x="4733712" y="647842"/>
                </a:cubicBezTo>
                <a:cubicBezTo>
                  <a:pt x="4717546" y="616234"/>
                  <a:pt x="4709464" y="580283"/>
                  <a:pt x="4709464" y="539989"/>
                </a:cubicBezTo>
                <a:close/>
                <a:moveTo>
                  <a:pt x="3407285" y="185305"/>
                </a:moveTo>
                <a:lnTo>
                  <a:pt x="3615753" y="185305"/>
                </a:lnTo>
                <a:lnTo>
                  <a:pt x="3705509" y="570391"/>
                </a:lnTo>
                <a:lnTo>
                  <a:pt x="3711300" y="570391"/>
                </a:lnTo>
                <a:lnTo>
                  <a:pt x="3802505" y="185305"/>
                </a:lnTo>
                <a:lnTo>
                  <a:pt x="4012420" y="185305"/>
                </a:lnTo>
                <a:lnTo>
                  <a:pt x="3809743" y="787544"/>
                </a:lnTo>
                <a:cubicBezTo>
                  <a:pt x="3792853" y="837972"/>
                  <a:pt x="3765709" y="877603"/>
                  <a:pt x="3728311" y="906436"/>
                </a:cubicBezTo>
                <a:cubicBezTo>
                  <a:pt x="3690912" y="935269"/>
                  <a:pt x="3639398" y="949686"/>
                  <a:pt x="3573769" y="949686"/>
                </a:cubicBezTo>
                <a:cubicBezTo>
                  <a:pt x="3550848" y="949686"/>
                  <a:pt x="3529012" y="947997"/>
                  <a:pt x="3508261" y="944619"/>
                </a:cubicBezTo>
                <a:cubicBezTo>
                  <a:pt x="3487511" y="941241"/>
                  <a:pt x="3469294" y="936415"/>
                  <a:pt x="3453611" y="930142"/>
                </a:cubicBezTo>
                <a:lnTo>
                  <a:pt x="3497042" y="788268"/>
                </a:lnTo>
                <a:cubicBezTo>
                  <a:pt x="3520446" y="796472"/>
                  <a:pt x="3539628" y="800574"/>
                  <a:pt x="3554588" y="800574"/>
                </a:cubicBezTo>
                <a:cubicBezTo>
                  <a:pt x="3576544" y="800574"/>
                  <a:pt x="3591142" y="792370"/>
                  <a:pt x="3598380" y="775963"/>
                </a:cubicBezTo>
                <a:lnTo>
                  <a:pt x="3602723" y="765829"/>
                </a:lnTo>
                <a:close/>
                <a:moveTo>
                  <a:pt x="4339111" y="178066"/>
                </a:moveTo>
                <a:cubicBezTo>
                  <a:pt x="4398467" y="178066"/>
                  <a:pt x="4449860" y="190009"/>
                  <a:pt x="4493291" y="213896"/>
                </a:cubicBezTo>
                <a:cubicBezTo>
                  <a:pt x="4536721" y="237783"/>
                  <a:pt x="4569898" y="271321"/>
                  <a:pt x="4592819" y="314511"/>
                </a:cubicBezTo>
                <a:cubicBezTo>
                  <a:pt x="4615741" y="357701"/>
                  <a:pt x="4627202" y="407766"/>
                  <a:pt x="4627202" y="464709"/>
                </a:cubicBezTo>
                <a:cubicBezTo>
                  <a:pt x="4627202" y="521652"/>
                  <a:pt x="4615741" y="571718"/>
                  <a:pt x="4592819" y="614907"/>
                </a:cubicBezTo>
                <a:cubicBezTo>
                  <a:pt x="4569898" y="658097"/>
                  <a:pt x="4536721" y="691635"/>
                  <a:pt x="4493291" y="715522"/>
                </a:cubicBezTo>
                <a:cubicBezTo>
                  <a:pt x="4449860" y="739409"/>
                  <a:pt x="4398467" y="751352"/>
                  <a:pt x="4339111" y="751352"/>
                </a:cubicBezTo>
                <a:cubicBezTo>
                  <a:pt x="4279756" y="751352"/>
                  <a:pt x="4228363" y="739409"/>
                  <a:pt x="4184932" y="715522"/>
                </a:cubicBezTo>
                <a:cubicBezTo>
                  <a:pt x="4141502" y="691635"/>
                  <a:pt x="4108325" y="658097"/>
                  <a:pt x="4085403" y="614907"/>
                </a:cubicBezTo>
                <a:cubicBezTo>
                  <a:pt x="4062482" y="571718"/>
                  <a:pt x="4051021" y="521652"/>
                  <a:pt x="4051021" y="464709"/>
                </a:cubicBezTo>
                <a:cubicBezTo>
                  <a:pt x="4051021" y="407766"/>
                  <a:pt x="4062482" y="357701"/>
                  <a:pt x="4085403" y="314511"/>
                </a:cubicBezTo>
                <a:cubicBezTo>
                  <a:pt x="4108325" y="271321"/>
                  <a:pt x="4141502" y="237783"/>
                  <a:pt x="4184932" y="213896"/>
                </a:cubicBezTo>
                <a:cubicBezTo>
                  <a:pt x="4228363" y="190009"/>
                  <a:pt x="4279756" y="178066"/>
                  <a:pt x="4339111" y="178066"/>
                </a:cubicBezTo>
                <a:close/>
                <a:moveTo>
                  <a:pt x="2342054" y="178066"/>
                </a:moveTo>
                <a:cubicBezTo>
                  <a:pt x="2380659" y="178066"/>
                  <a:pt x="2414680" y="186993"/>
                  <a:pt x="2444117" y="204848"/>
                </a:cubicBezTo>
                <a:cubicBezTo>
                  <a:pt x="2473553" y="222703"/>
                  <a:pt x="2496233" y="247435"/>
                  <a:pt x="2512158" y="279043"/>
                </a:cubicBezTo>
                <a:cubicBezTo>
                  <a:pt x="2528083" y="310651"/>
                  <a:pt x="2536045" y="346481"/>
                  <a:pt x="2536045" y="386534"/>
                </a:cubicBezTo>
                <a:lnTo>
                  <a:pt x="2536045" y="741218"/>
                </a:lnTo>
                <a:lnTo>
                  <a:pt x="2336264" y="741218"/>
                </a:lnTo>
                <a:lnTo>
                  <a:pt x="2336264" y="428517"/>
                </a:lnTo>
                <a:cubicBezTo>
                  <a:pt x="2336505" y="401011"/>
                  <a:pt x="2329568" y="379416"/>
                  <a:pt x="2315453" y="363733"/>
                </a:cubicBezTo>
                <a:cubicBezTo>
                  <a:pt x="2301338" y="348049"/>
                  <a:pt x="2281734" y="340208"/>
                  <a:pt x="2256641" y="340208"/>
                </a:cubicBezTo>
                <a:cubicBezTo>
                  <a:pt x="2231789" y="340208"/>
                  <a:pt x="2212124" y="348049"/>
                  <a:pt x="2197647" y="363733"/>
                </a:cubicBezTo>
                <a:cubicBezTo>
                  <a:pt x="2183170" y="379416"/>
                  <a:pt x="2175811" y="401011"/>
                  <a:pt x="2175570" y="428517"/>
                </a:cubicBezTo>
                <a:lnTo>
                  <a:pt x="2175570" y="741218"/>
                </a:lnTo>
                <a:lnTo>
                  <a:pt x="1975788" y="741218"/>
                </a:lnTo>
                <a:lnTo>
                  <a:pt x="1975788" y="185305"/>
                </a:lnTo>
                <a:lnTo>
                  <a:pt x="2165436" y="185305"/>
                </a:lnTo>
                <a:lnTo>
                  <a:pt x="2165436" y="290986"/>
                </a:lnTo>
                <a:lnTo>
                  <a:pt x="2171227" y="290986"/>
                </a:lnTo>
                <a:cubicBezTo>
                  <a:pt x="2179189" y="267823"/>
                  <a:pt x="2191434" y="247736"/>
                  <a:pt x="2207962" y="230726"/>
                </a:cubicBezTo>
                <a:cubicBezTo>
                  <a:pt x="2224490" y="213715"/>
                  <a:pt x="2244214" y="200686"/>
                  <a:pt x="2267136" y="191638"/>
                </a:cubicBezTo>
                <a:cubicBezTo>
                  <a:pt x="2290058" y="182590"/>
                  <a:pt x="2315031" y="178066"/>
                  <a:pt x="2342054" y="178066"/>
                </a:cubicBezTo>
                <a:close/>
                <a:moveTo>
                  <a:pt x="1626164" y="178066"/>
                </a:moveTo>
                <a:cubicBezTo>
                  <a:pt x="1677799" y="178066"/>
                  <a:pt x="1723039" y="186028"/>
                  <a:pt x="1761885" y="201953"/>
                </a:cubicBezTo>
                <a:cubicBezTo>
                  <a:pt x="1800732" y="217878"/>
                  <a:pt x="1830530" y="239714"/>
                  <a:pt x="1851280" y="267461"/>
                </a:cubicBezTo>
                <a:cubicBezTo>
                  <a:pt x="1872030" y="295208"/>
                  <a:pt x="1882406" y="326213"/>
                  <a:pt x="1882406" y="360475"/>
                </a:cubicBezTo>
                <a:lnTo>
                  <a:pt x="1882406" y="741218"/>
                </a:lnTo>
                <a:lnTo>
                  <a:pt x="1695653" y="741218"/>
                </a:lnTo>
                <a:lnTo>
                  <a:pt x="1695653" y="663043"/>
                </a:lnTo>
                <a:lnTo>
                  <a:pt x="1691310" y="663043"/>
                </a:lnTo>
                <a:cubicBezTo>
                  <a:pt x="1674903" y="693203"/>
                  <a:pt x="1653369" y="715220"/>
                  <a:pt x="1626707" y="729094"/>
                </a:cubicBezTo>
                <a:cubicBezTo>
                  <a:pt x="1600045" y="742967"/>
                  <a:pt x="1568015" y="749904"/>
                  <a:pt x="1530617" y="749904"/>
                </a:cubicBezTo>
                <a:cubicBezTo>
                  <a:pt x="1494424" y="749904"/>
                  <a:pt x="1462756" y="743993"/>
                  <a:pt x="1435612" y="732170"/>
                </a:cubicBezTo>
                <a:cubicBezTo>
                  <a:pt x="1408468" y="720347"/>
                  <a:pt x="1387355" y="702311"/>
                  <a:pt x="1372275" y="678063"/>
                </a:cubicBezTo>
                <a:cubicBezTo>
                  <a:pt x="1357195" y="653814"/>
                  <a:pt x="1349655" y="623714"/>
                  <a:pt x="1349655" y="587763"/>
                </a:cubicBezTo>
                <a:cubicBezTo>
                  <a:pt x="1349655" y="530338"/>
                  <a:pt x="1368053" y="487691"/>
                  <a:pt x="1404848" y="459823"/>
                </a:cubicBezTo>
                <a:cubicBezTo>
                  <a:pt x="1441644" y="431955"/>
                  <a:pt x="1491288" y="415729"/>
                  <a:pt x="1553780" y="411144"/>
                </a:cubicBezTo>
                <a:cubicBezTo>
                  <a:pt x="1586353" y="408732"/>
                  <a:pt x="1611747" y="405776"/>
                  <a:pt x="1629964" y="402277"/>
                </a:cubicBezTo>
                <a:cubicBezTo>
                  <a:pt x="1648181" y="398779"/>
                  <a:pt x="1661512" y="393832"/>
                  <a:pt x="1669957" y="387438"/>
                </a:cubicBezTo>
                <a:cubicBezTo>
                  <a:pt x="1678402" y="381045"/>
                  <a:pt x="1682624" y="372539"/>
                  <a:pt x="1682624" y="361923"/>
                </a:cubicBezTo>
                <a:lnTo>
                  <a:pt x="1682624" y="360475"/>
                </a:lnTo>
                <a:cubicBezTo>
                  <a:pt x="1682624" y="346240"/>
                  <a:pt x="1677195" y="335201"/>
                  <a:pt x="1666338" y="327359"/>
                </a:cubicBezTo>
                <a:cubicBezTo>
                  <a:pt x="1655480" y="319518"/>
                  <a:pt x="1641124" y="315597"/>
                  <a:pt x="1623269" y="315597"/>
                </a:cubicBezTo>
                <a:cubicBezTo>
                  <a:pt x="1603725" y="315597"/>
                  <a:pt x="1588102" y="319819"/>
                  <a:pt x="1576400" y="328264"/>
                </a:cubicBezTo>
                <a:cubicBezTo>
                  <a:pt x="1564697" y="336709"/>
                  <a:pt x="1557640" y="349376"/>
                  <a:pt x="1555227" y="366266"/>
                </a:cubicBezTo>
                <a:lnTo>
                  <a:pt x="1371370" y="366266"/>
                </a:lnTo>
                <a:cubicBezTo>
                  <a:pt x="1373783" y="331280"/>
                  <a:pt x="1384822" y="299552"/>
                  <a:pt x="1404486" y="271080"/>
                </a:cubicBezTo>
                <a:cubicBezTo>
                  <a:pt x="1424151" y="242609"/>
                  <a:pt x="1452682" y="219989"/>
                  <a:pt x="1490081" y="203220"/>
                </a:cubicBezTo>
                <a:cubicBezTo>
                  <a:pt x="1527480" y="186451"/>
                  <a:pt x="1572841" y="178066"/>
                  <a:pt x="1626164" y="178066"/>
                </a:cubicBezTo>
                <a:close/>
                <a:moveTo>
                  <a:pt x="2633013" y="0"/>
                </a:moveTo>
                <a:lnTo>
                  <a:pt x="2832795" y="0"/>
                </a:lnTo>
                <a:lnTo>
                  <a:pt x="2832795" y="372057"/>
                </a:lnTo>
                <a:lnTo>
                  <a:pt x="2840033" y="372057"/>
                </a:lnTo>
                <a:lnTo>
                  <a:pt x="2974669" y="185305"/>
                </a:lnTo>
                <a:lnTo>
                  <a:pt x="3199061" y="185305"/>
                </a:lnTo>
                <a:lnTo>
                  <a:pt x="3010137" y="428879"/>
                </a:lnTo>
                <a:lnTo>
                  <a:pt x="3204851" y="741218"/>
                </a:lnTo>
                <a:lnTo>
                  <a:pt x="2976116" y="741218"/>
                </a:lnTo>
                <a:lnTo>
                  <a:pt x="2862834" y="545418"/>
                </a:lnTo>
                <a:lnTo>
                  <a:pt x="2832795" y="583420"/>
                </a:lnTo>
                <a:lnTo>
                  <a:pt x="2832795" y="741218"/>
                </a:lnTo>
                <a:lnTo>
                  <a:pt x="2633013" y="741218"/>
                </a:lnTo>
                <a:close/>
                <a:moveTo>
                  <a:pt x="718488" y="0"/>
                </a:moveTo>
                <a:lnTo>
                  <a:pt x="911031" y="0"/>
                </a:lnTo>
                <a:lnTo>
                  <a:pt x="911031" y="290986"/>
                </a:lnTo>
                <a:lnTo>
                  <a:pt x="916822" y="290986"/>
                </a:lnTo>
                <a:cubicBezTo>
                  <a:pt x="929369" y="255276"/>
                  <a:pt x="950300" y="227529"/>
                  <a:pt x="979616" y="207744"/>
                </a:cubicBezTo>
                <a:cubicBezTo>
                  <a:pt x="1008932" y="187959"/>
                  <a:pt x="1043978" y="178066"/>
                  <a:pt x="1084754" y="178066"/>
                </a:cubicBezTo>
                <a:cubicBezTo>
                  <a:pt x="1123360" y="178066"/>
                  <a:pt x="1157380" y="186933"/>
                  <a:pt x="1186817" y="204667"/>
                </a:cubicBezTo>
                <a:cubicBezTo>
                  <a:pt x="1216253" y="222402"/>
                  <a:pt x="1238934" y="247073"/>
                  <a:pt x="1254858" y="278681"/>
                </a:cubicBezTo>
                <a:cubicBezTo>
                  <a:pt x="1270783" y="310289"/>
                  <a:pt x="1278745" y="346240"/>
                  <a:pt x="1278745" y="386534"/>
                </a:cubicBezTo>
                <a:lnTo>
                  <a:pt x="1278745" y="741218"/>
                </a:lnTo>
                <a:lnTo>
                  <a:pt x="1078964" y="741218"/>
                </a:lnTo>
                <a:lnTo>
                  <a:pt x="1078964" y="428517"/>
                </a:lnTo>
                <a:cubicBezTo>
                  <a:pt x="1079205" y="400769"/>
                  <a:pt x="1072329" y="379114"/>
                  <a:pt x="1058334" y="363552"/>
                </a:cubicBezTo>
                <a:cubicBezTo>
                  <a:pt x="1044340" y="347989"/>
                  <a:pt x="1024675" y="340208"/>
                  <a:pt x="999341" y="340208"/>
                </a:cubicBezTo>
                <a:cubicBezTo>
                  <a:pt x="974730" y="340208"/>
                  <a:pt x="955126" y="348110"/>
                  <a:pt x="940528" y="363913"/>
                </a:cubicBezTo>
                <a:cubicBezTo>
                  <a:pt x="925931" y="379717"/>
                  <a:pt x="918511" y="401252"/>
                  <a:pt x="918270" y="428517"/>
                </a:cubicBezTo>
                <a:lnTo>
                  <a:pt x="918270" y="741218"/>
                </a:lnTo>
                <a:lnTo>
                  <a:pt x="718488" y="741218"/>
                </a:lnTo>
                <a:close/>
                <a:moveTo>
                  <a:pt x="0" y="0"/>
                </a:moveTo>
                <a:lnTo>
                  <a:pt x="644223" y="0"/>
                </a:lnTo>
                <a:lnTo>
                  <a:pt x="644223" y="162141"/>
                </a:lnTo>
                <a:lnTo>
                  <a:pt x="421279" y="162141"/>
                </a:lnTo>
                <a:lnTo>
                  <a:pt x="421279" y="741218"/>
                </a:lnTo>
                <a:lnTo>
                  <a:pt x="222945" y="741218"/>
                </a:lnTo>
                <a:lnTo>
                  <a:pt x="222945" y="162141"/>
                </a:lnTo>
                <a:lnTo>
                  <a:pt x="0" y="162141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noProof="0" dirty="0" err="1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F60423B-0833-413C-8670-D2F1D86B4D98}"/>
              </a:ext>
            </a:extLst>
          </p:cNvPr>
          <p:cNvSpPr txBox="1"/>
          <p:nvPr userDrawn="1"/>
        </p:nvSpPr>
        <p:spPr>
          <a:xfrm>
            <a:off x="7350780" y="1474967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8000" dirty="0">
              <a:solidFill>
                <a:schemeClr val="accent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9410132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2134518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51732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3531600" y="3364200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4400" y="863999"/>
            <a:ext cx="5172625" cy="86002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584400" y="2160000"/>
            <a:ext cx="51732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584400" y="5991224"/>
            <a:ext cx="51804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A93765-CE2C-40DF-A07F-38F61BBB42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0AE797-4FC1-4511-8181-FEA09BFEF7C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A7B1EA-FFDB-44FE-9A80-5626E53F81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03555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 userDrawn="1">
          <p15:clr>
            <a:srgbClr val="F26B43"/>
          </p15:clr>
        </p15:guide>
      </p15:sldGuideLst>
    </p:ext>
  </p:extLst>
</p:sldLayout>
</file>

<file path=ppt/slideLayouts/slideLayout1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yellow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92771DE-7B31-480C-9091-703575BD6824}"/>
              </a:ext>
            </a:extLst>
          </p:cNvPr>
          <p:cNvSpPr/>
          <p:nvPr userDrawn="1"/>
        </p:nvSpPr>
        <p:spPr>
          <a:xfrm rot="5400000" flipV="1">
            <a:off x="-2068401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</p:spTree>
    <p:extLst>
      <p:ext uri="{BB962C8B-B14F-4D97-AF65-F5344CB8AC3E}">
        <p14:creationId xmlns:p14="http://schemas.microsoft.com/office/powerpoint/2010/main" val="3296158343"/>
      </p:ext>
    </p:extLst>
  </p:cSld>
  <p:clrMapOvr>
    <a:masterClrMapping/>
  </p:clrMapOvr>
</p:sldLayout>
</file>

<file path=ppt/slideLayouts/slideLayout1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61557604"/>
      </p:ext>
    </p:extLst>
  </p:cSld>
  <p:clrMapOvr>
    <a:masterClrMapping/>
  </p:clrMapOvr>
</p:sldLayout>
</file>

<file path=ppt/slideLayouts/slideLayout16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8E191F-9315-439E-B3E1-E244B439CE9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421B79-34B3-49E9-88AB-D05336546B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5FA46-FFD0-4832-8708-FF45CE149A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86992214"/>
      </p:ext>
    </p:extLst>
  </p:cSld>
  <p:clrMapOvr>
    <a:masterClrMapping/>
  </p:clrMapOvr>
</p:sldLayout>
</file>

<file path=ppt/slideLayouts/slideLayout1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Dstny Body" panose="02000603000000020004" pitchFamily="2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1227" y="1733517"/>
            <a:ext cx="2916000" cy="346248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lete bullet for regular text. 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sz="1600" dirty="0">
                <a:latin typeface="+mn-lt"/>
                <a:cs typeface="Dstny Body" panose="02000603000000020004" pitchFamily="2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Layout </a:t>
            </a: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to view a dropdown menu of possible slide layouts</a:t>
            </a:r>
            <a:endParaRPr lang="en-GB" sz="900" dirty="0">
              <a:latin typeface="+mn-lt"/>
              <a:ea typeface="Dstny Body" panose="02000603000000020004" pitchFamily="2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62260" y="1742868"/>
            <a:ext cx="2936481" cy="344709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menu to reset position, size and formatting of the slide placeholders to their default settings</a:t>
            </a:r>
            <a:endParaRPr lang="en-GB" altLang="da-DK" sz="900" baseline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PICTURES</a:t>
            </a:r>
            <a:endParaRPr lang="en-GB" sz="16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browse for picture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74443" y="1733517"/>
            <a:ext cx="2936482" cy="41395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HEADER &amp; FOOT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Dstny Body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+ option + ctrl + G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10501896-43DD-469D-A55E-AA24E780130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99609" y="3500899"/>
            <a:ext cx="257143" cy="28571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99609" y="5003956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22597" y="315575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99609" y="4178576"/>
            <a:ext cx="328881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95011" y="2259973"/>
            <a:ext cx="538465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298741" y="3887427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70780" y="2271263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9609" y="2809191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88544643"/>
      </p:ext>
    </p:extLst>
  </p:cSld>
  <p:clrMapOvr>
    <a:masterClrMapping/>
  </p:clrMapOvr>
</p:sldLayout>
</file>

<file path=ppt/slideLayouts/slideLayout1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lassific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algn="l"/>
            <a:r>
              <a:rPr lang="en-GB" sz="3200" kern="1200" cap="all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lassification Levels Policy </a:t>
            </a:r>
          </a:p>
        </p:txBody>
      </p:sp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8F31359-7304-45D0-84E0-C8364FD2AC19}"/>
              </a:ext>
            </a:extLst>
          </p:cNvPr>
          <p:cNvSpPr txBox="1"/>
          <p:nvPr userDrawn="1"/>
        </p:nvSpPr>
        <p:spPr>
          <a:xfrm>
            <a:off x="431800" y="1724025"/>
            <a:ext cx="8517991" cy="41549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Public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can be made public and whose disclosure is not prejudicial to the interests of Dstny, including its staff and stakeholders in its activities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Restricted</a:t>
            </a:r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:</a:t>
            </a:r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 </a:t>
            </a:r>
            <a:r>
              <a:rPr lang="en-GB" sz="1800" b="1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Any information accessible by Dstny staff and disseminated to outsiders on a need-to-know basis under the responsibility of an authorised Dstny worker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onfidential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communicated to identified data subjects and whose unwanted disclosure could have significant consequences for Dstny 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Secret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disclosed to identified and mutually identifiable data subjects, and whose unwanted disclosure could have critical consequences for Dstny </a:t>
            </a:r>
            <a:endParaRPr lang="en-GB" sz="1800" dirty="0"/>
          </a:p>
        </p:txBody>
      </p:sp>
    </p:spTree>
    <p:extLst>
      <p:ext uri="{BB962C8B-B14F-4D97-AF65-F5344CB8AC3E}">
        <p14:creationId xmlns:p14="http://schemas.microsoft.com/office/powerpoint/2010/main" val="1739688300"/>
      </p:ext>
    </p:extLst>
  </p:cSld>
  <p:clrMapOvr>
    <a:masterClrMapping/>
  </p:clrMapOvr>
</p:sldLayout>
</file>

<file path=ppt/slideLayouts/slideLayout1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&gt;Do not use layouts after this &gt;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5DC5A1D-614F-45C9-9730-B88794628D07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17242753"/>
      </p:ext>
    </p:extLst>
  </p:cSld>
  <p:clrMapOvr>
    <a:masterClrMapping/>
  </p:clrMapOvr>
</p:sldLayout>
</file>

<file path=ppt/slideLayouts/slideLayout166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re et conten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35F8FA-83AA-40A7-A81F-145B0272EF9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62D0141-A742-40EA-90CE-E9F3A4CC6BB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AE8AB24-1A29-4E44-8B8A-66ED307E211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39924691"/>
      </p:ext>
    </p:extLst>
  </p:cSld>
  <p:clrMapOvr>
    <a:masterClrMapping/>
  </p:clrMapOvr>
</p:sldLayout>
</file>

<file path=ppt/slideLayouts/slideLayout1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23D6DE55-12CE-4DCC-AB6C-3C77D2902D2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Rectangle">
            <a:extLst>
              <a:ext uri="{FF2B5EF4-FFF2-40B4-BE49-F238E27FC236}">
                <a16:creationId xmlns:a16="http://schemas.microsoft.com/office/drawing/2014/main" id="{8937A0AD-FEFD-45EB-B4D0-1E2ED999056C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 b="1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58200626"/>
      </p:ext>
    </p:extLst>
  </p:cSld>
  <p:clrMapOvr>
    <a:masterClrMapping/>
  </p:clrMapOvr>
</p:sldLayout>
</file>

<file path=ppt/slideLayouts/slideLayout1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346214CE-CAE1-433D-A846-FC3342686ED0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 bwMode="white"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624013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bg>
      <p:bgPr>
        <a:gradFill>
          <a:gsLst>
            <a:gs pos="95000">
              <a:schemeClr val="accent6"/>
            </a:gs>
            <a:gs pos="0">
              <a:schemeClr val="accent1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115399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78300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1920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4000" y="1368000"/>
            <a:ext cx="2509200" cy="4168800"/>
          </a:xfrm>
        </p:spPr>
        <p:txBody>
          <a:bodyPr/>
          <a:lstStyle>
            <a:lvl1pPr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252000" y="864000"/>
            <a:ext cx="2505600" cy="5126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2000" y="5991224"/>
            <a:ext cx="250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639369-DFE2-4509-AEB5-C21FB645638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43103C-01F7-4802-B93F-A5AF643FFDE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91A0EBB-DBF9-4086-B365-2D0662B21F1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90821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 userDrawn="1">
          <p15:clr>
            <a:srgbClr val="F26B43"/>
          </p15:clr>
        </p15:guide>
      </p15:sldGuideLst>
    </p:ext>
  </p:extLst>
</p:sldLayout>
</file>

<file path=ppt/slideLayouts/slideLayout1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dark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bg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3858175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light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8943975" y="2743200"/>
            <a:ext cx="2505075" cy="124777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509971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0535AB10-5016-4BBE-B319-91BC6F875FE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>
          <a:xfrm rot="5400000" flipV="1">
            <a:off x="439200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7" y="6199199"/>
            <a:ext cx="901603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>
                <a:latin typeface="+mn-lt"/>
              </a:defRPr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22833052"/>
      </p:ext>
    </p:extLst>
  </p:cSld>
  <p:clrMapOvr>
    <a:masterClrMapping/>
  </p:clrMapOvr>
</p:sldLayout>
</file>

<file path=ppt/slideLayouts/slideLayout1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74232FE-6B21-4D3C-8891-6A33800C6D20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 bwMode="white">
          <a:xfrm rot="5400000" flipV="1">
            <a:off x="439200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1098750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4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E552D84-A027-418B-B489-16EF46A08E8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257891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643495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E7966683-9609-42DF-8F42-B189A090742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759863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re et conten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35F8FA-83AA-40A7-A81F-145B0272EF9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62D0141-A742-40EA-90CE-E9F3A4CC6BB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AE8AB24-1A29-4E44-8B8A-66ED307E211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03928884"/>
      </p:ext>
    </p:extLst>
  </p:cSld>
  <p:clrMapOvr>
    <a:masterClrMapping/>
  </p:clrMapOvr>
</p:sldLayout>
</file>

<file path=ppt/slideLayouts/slideLayout1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ux contenu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108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6211513"/>
      </p:ext>
    </p:extLst>
  </p:cSld>
  <p:clrMapOvr>
    <a:masterClrMapping/>
  </p:clrMapOvr>
</p:sldLayout>
</file>

<file path=ppt/slideLayouts/slideLayout1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83880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Enter &amp; TAB for next text level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1728000"/>
            <a:ext cx="19584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83880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10580635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E07CD6B4-09CD-40D3-BFB2-70EAF73B36C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433000 w 12193200"/>
              <a:gd name="connsiteY148" fmla="*/ 864356 h 6861600"/>
              <a:gd name="connsiteX149" fmla="*/ 433000 w 12193200"/>
              <a:gd name="connsiteY149" fmla="*/ 5990756 h 6861600"/>
              <a:gd name="connsiteX150" fmla="*/ 559000 w 12193200"/>
              <a:gd name="connsiteY150" fmla="*/ 5990756 h 6861600"/>
              <a:gd name="connsiteX151" fmla="*/ 559000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433000" y="864356"/>
                </a:moveTo>
                <a:lnTo>
                  <a:pt x="433000" y="5990756"/>
                </a:lnTo>
                <a:lnTo>
                  <a:pt x="559000" y="5990756"/>
                </a:lnTo>
                <a:lnTo>
                  <a:pt x="559000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90000" y="864000"/>
            <a:ext cx="29304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2DA8A14E-DC03-49C9-92CA-121CFBEC32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9799200" y="864000"/>
            <a:ext cx="1954800" cy="5126400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 cap="none" baseline="0">
                <a:solidFill>
                  <a:schemeClr val="bg1"/>
                </a:solidFill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513332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75175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7840800" cy="860025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2160000"/>
            <a:ext cx="78408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Enter &amp; TAB for next text level                        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2160000"/>
            <a:ext cx="1958400" cy="3830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78408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0630658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1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>
            <a:spLocks noChangeAspect="1"/>
          </p:cNvSpPr>
          <p:nvPr userDrawn="1"/>
        </p:nvSpPr>
        <p:spPr>
          <a:xfrm flipH="1">
            <a:off x="6558312" y="305090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 flipH="1">
            <a:off x="8140413" y="1398937"/>
            <a:ext cx="3448206" cy="3466126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88" y="5991224"/>
            <a:ext cx="4899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>
            <a:spLocks noChangeAspect="1"/>
          </p:cNvSpPr>
          <p:nvPr userDrawn="1"/>
        </p:nvSpPr>
        <p:spPr>
          <a:xfrm flipH="1">
            <a:off x="7451503" y="1925801"/>
            <a:ext cx="1619999" cy="1620000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019318344"/>
      </p:ext>
    </p:extLst>
  </p:cSld>
  <p:clrMapOvr>
    <a:masterClrMapping/>
  </p:clrMapOvr>
</p:sldLayout>
</file>

<file path=ppt/slideLayouts/slideLayout1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51732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3531600" y="3364200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4400" y="863999"/>
            <a:ext cx="5172625" cy="86002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584400" y="2160000"/>
            <a:ext cx="51732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584400" y="5991224"/>
            <a:ext cx="51804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A93765-CE2C-40DF-A07F-38F61BBB42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0AE797-4FC1-4511-8181-FEA09BFEF7C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A7B1EA-FFDB-44FE-9A80-5626E53F81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2809100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1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78300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1920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4000" y="1368000"/>
            <a:ext cx="2509200" cy="4168800"/>
          </a:xfrm>
        </p:spPr>
        <p:txBody>
          <a:bodyPr/>
          <a:lstStyle>
            <a:lvl1pPr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252000" y="864000"/>
            <a:ext cx="2505600" cy="5126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2000" y="5991224"/>
            <a:ext cx="250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639369-DFE2-4509-AEB5-C21FB645638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43103C-01F7-4802-B93F-A5AF643FFDE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91A0EBB-DBF9-4086-B365-2D0662B21F1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519246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1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E07CD6B4-09CD-40D3-BFB2-70EAF73B36C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433000 w 12193200"/>
              <a:gd name="connsiteY148" fmla="*/ 864356 h 6861600"/>
              <a:gd name="connsiteX149" fmla="*/ 433000 w 12193200"/>
              <a:gd name="connsiteY149" fmla="*/ 5990756 h 6861600"/>
              <a:gd name="connsiteX150" fmla="*/ 559000 w 12193200"/>
              <a:gd name="connsiteY150" fmla="*/ 5990756 h 6861600"/>
              <a:gd name="connsiteX151" fmla="*/ 559000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433000" y="864356"/>
                </a:moveTo>
                <a:lnTo>
                  <a:pt x="433000" y="5990756"/>
                </a:lnTo>
                <a:lnTo>
                  <a:pt x="559000" y="5990756"/>
                </a:lnTo>
                <a:lnTo>
                  <a:pt x="559000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90000" y="864000"/>
            <a:ext cx="29304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2DA8A14E-DC03-49C9-92CA-121CFBEC32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9799200" y="864000"/>
            <a:ext cx="1954800" cy="5126400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 cap="none" baseline="0">
                <a:solidFill>
                  <a:schemeClr val="bg1"/>
                </a:solidFill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5363492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8286587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A720CB42-81A1-4A6B-977A-543E442C7704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4F0B8F97-F01E-49B6-99DD-0C487D2382B4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4F400C32-FBDE-424B-B4C5-B20E6FA9EC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1123917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540183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FD1B9649-FA38-462A-A772-F439A69356A5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8" name="Logo">
            <a:extLst>
              <a:ext uri="{FF2B5EF4-FFF2-40B4-BE49-F238E27FC236}">
                <a16:creationId xmlns:a16="http://schemas.microsoft.com/office/drawing/2014/main" id="{5A5521B7-1186-4CA9-A8D4-6E07481414C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 bwMode="white"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 bwMode="white"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4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964F4D-7160-4DB8-900F-F3B7AB805741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F8B77D-D382-42D8-95C1-0C47695CBD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1259E83-889E-4E1B-BEA6-D8459EDC58F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4428209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1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550804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3768741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 userDrawn="1">
          <p15:clr>
            <a:srgbClr val="F26B43"/>
          </p15:clr>
        </p15:guide>
        <p15:guide id="2" orient="horz" pos="2291" userDrawn="1">
          <p15:clr>
            <a:srgbClr val="F26B43"/>
          </p15:clr>
        </p15:guide>
      </p15:sldGuideLst>
    </p:ext>
  </p:extLst>
</p:sldLayout>
</file>

<file path=ppt/slideLayouts/slideLayout1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0" bIns="576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505600" cy="1915200"/>
          </a:xfrm>
        </p:spPr>
        <p:txBody>
          <a:bodyPr anchor="t" anchorCtr="0"/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5B12D-AFCA-4C69-8772-3103D984CD9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D37CD5E9-4514-4A77-9781-C0FC80437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33732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F023000C-62EC-4AE1-9428-2B6EA4DF5F7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3108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FE03E1E-7BBA-4981-A199-083F8DE64A6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5493666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A">
    <p:bg>
      <p:bgPr>
        <a:gradFill flip="none" rotWithShape="1">
          <a:gsLst>
            <a:gs pos="25000">
              <a:schemeClr val="accent2"/>
            </a:gs>
            <a:gs pos="100000">
              <a:srgbClr val="FFE655"/>
            </a:gs>
          </a:gsLst>
          <a:lin ang="0" scaled="1"/>
          <a:tileRect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3532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tx1"/>
              </a:solidFill>
            </a:endParaRP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4A421D-40AC-4B3C-B046-B97D2CDEB7D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4217A7-1C84-4022-9AF0-8A02934FBF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626653-B042-4CAD-ABE7-FCC2DB1ACE3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1812462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12924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1247361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C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20700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792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262251-164F-4D9F-BEE6-DBF9AF1C6B9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FAD54A-EFB6-40DC-A8BF-327E43A08F1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A44297-F69A-4FA2-AD60-0EA38D021B9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294099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46A2CB-4C6C-4AC8-9450-CD3828AF787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033000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148000" cy="5122800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A2F42676-7691-4BBA-B454-CF007CCADCB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609597" y="864000"/>
            <a:ext cx="5148000" cy="5122799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4FBCBC-1785-4DFB-84A8-04367CD12684}"/>
              </a:ext>
            </a:extLst>
          </p:cNvPr>
          <p:cNvSpPr>
            <a:spLocks noGrp="1"/>
          </p:cNvSpPr>
          <p:nvPr>
            <p:ph type="dt" sz="half" idx="24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2F9B70-FCB9-43D9-9F30-EE12E6A1D4A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ACFBE7-785A-4311-8356-55947434B49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925553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B">
    <p:bg>
      <p:bgPr>
        <a:gradFill>
          <a:gsLst>
            <a:gs pos="0">
              <a:schemeClr val="accent1"/>
            </a:gs>
            <a:gs pos="95000">
              <a:srgbClr val="0066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63DA7E30-9A41-4C82-A7CB-D8A1E3912EAA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9" name="Text Placeholder 16">
            <a:extLst>
              <a:ext uri="{FF2B5EF4-FFF2-40B4-BE49-F238E27FC236}">
                <a16:creationId xmlns:a16="http://schemas.microsoft.com/office/drawing/2014/main" id="{AF04E0B3-14B7-4D62-87B4-0112A485F8C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417637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70457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       Enter &amp; TAB for next text level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895799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034A43F0-B693-4A6A-922F-5584D05D23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0653125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DE7121FB-1BE2-4733-A7DE-83DABC7A11B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15041060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1090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2000" y="864000"/>
            <a:ext cx="5878800" cy="4262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62000" y="5137200"/>
            <a:ext cx="5880100" cy="3600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noProof="0" dirty="0"/>
              <a:t>Click to add Nam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5E3943B2-B1DF-42B0-9F1C-B752FFA217D8}"/>
              </a:ext>
            </a:extLst>
          </p:cNvPr>
          <p:cNvSpPr>
            <a:spLocks noChangeAspect="1"/>
          </p:cNvSpPr>
          <p:nvPr userDrawn="1"/>
        </p:nvSpPr>
        <p:spPr bwMode="white">
          <a:xfrm>
            <a:off x="431799" y="864358"/>
            <a:ext cx="565325" cy="432000"/>
          </a:xfrm>
          <a:custGeom>
            <a:avLst/>
            <a:gdLst/>
            <a:ahLst/>
            <a:cxnLst/>
            <a:rect l="l" t="t" r="r" b="b"/>
            <a:pathLst>
              <a:path w="436820" h="333802">
                <a:moveTo>
                  <a:pt x="343248" y="0"/>
                </a:moveTo>
                <a:lnTo>
                  <a:pt x="436820" y="51285"/>
                </a:lnTo>
                <a:cubicBezTo>
                  <a:pt x="420625" y="77677"/>
                  <a:pt x="407729" y="105194"/>
                  <a:pt x="398132" y="133836"/>
                </a:cubicBezTo>
                <a:cubicBezTo>
                  <a:pt x="388535" y="162477"/>
                  <a:pt x="383886" y="194793"/>
                  <a:pt x="384186" y="230782"/>
                </a:cubicBezTo>
                <a:lnTo>
                  <a:pt x="384186" y="333802"/>
                </a:lnTo>
                <a:lnTo>
                  <a:pt x="225833" y="333802"/>
                </a:lnTo>
                <a:lnTo>
                  <a:pt x="225833" y="231232"/>
                </a:lnTo>
                <a:cubicBezTo>
                  <a:pt x="225833" y="202740"/>
                  <a:pt x="231456" y="173874"/>
                  <a:pt x="242703" y="144633"/>
                </a:cubicBezTo>
                <a:cubicBezTo>
                  <a:pt x="253949" y="115391"/>
                  <a:pt x="268645" y="88099"/>
                  <a:pt x="286790" y="62757"/>
                </a:cubicBezTo>
                <a:cubicBezTo>
                  <a:pt x="304934" y="37414"/>
                  <a:pt x="323754" y="16495"/>
                  <a:pt x="343248" y="0"/>
                </a:cubicBezTo>
                <a:close/>
                <a:moveTo>
                  <a:pt x="117415" y="0"/>
                </a:moveTo>
                <a:lnTo>
                  <a:pt x="210987" y="51285"/>
                </a:lnTo>
                <a:cubicBezTo>
                  <a:pt x="194792" y="77677"/>
                  <a:pt x="181896" y="105194"/>
                  <a:pt x="172299" y="133836"/>
                </a:cubicBezTo>
                <a:cubicBezTo>
                  <a:pt x="162701" y="162477"/>
                  <a:pt x="158053" y="194793"/>
                  <a:pt x="158353" y="230782"/>
                </a:cubicBezTo>
                <a:lnTo>
                  <a:pt x="158353" y="333802"/>
                </a:lnTo>
                <a:lnTo>
                  <a:pt x="0" y="333802"/>
                </a:lnTo>
                <a:lnTo>
                  <a:pt x="0" y="231232"/>
                </a:lnTo>
                <a:cubicBezTo>
                  <a:pt x="0" y="202740"/>
                  <a:pt x="5623" y="173874"/>
                  <a:pt x="16870" y="144633"/>
                </a:cubicBezTo>
                <a:cubicBezTo>
                  <a:pt x="28116" y="115391"/>
                  <a:pt x="42812" y="88099"/>
                  <a:pt x="60957" y="62757"/>
                </a:cubicBezTo>
                <a:cubicBezTo>
                  <a:pt x="79101" y="37414"/>
                  <a:pt x="97921" y="16495"/>
                  <a:pt x="117415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12" name="Text Placeholder notes">
            <a:extLst>
              <a:ext uri="{FF2B5EF4-FFF2-40B4-BE49-F238E27FC236}">
                <a16:creationId xmlns:a16="http://schemas.microsoft.com/office/drawing/2014/main" id="{07820C89-0519-40C4-9EA9-207BD7F2204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962000" y="5695200"/>
            <a:ext cx="5878800" cy="295200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20211407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s">
    <p:bg>
      <p:bgPr>
        <a:gradFill>
          <a:gsLst>
            <a:gs pos="0">
              <a:schemeClr val="accent6"/>
            </a:gs>
            <a:gs pos="95000">
              <a:schemeClr val="accent1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50000"/>
            <a:ext cx="165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850000"/>
            <a:ext cx="1656000" cy="1476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ontact information</a:t>
            </a: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57BCA77D-A437-4BE5-9F1B-499DFCDA409D}"/>
              </a:ext>
            </a:extLst>
          </p:cNvPr>
          <p:cNvSpPr/>
          <p:nvPr userDrawn="1"/>
        </p:nvSpPr>
        <p:spPr>
          <a:xfrm>
            <a:off x="2001182" y="924535"/>
            <a:ext cx="5269720" cy="949686"/>
          </a:xfrm>
          <a:custGeom>
            <a:avLst/>
            <a:gdLst/>
            <a:ahLst/>
            <a:cxnLst/>
            <a:rect l="l" t="t" r="r" b="b"/>
            <a:pathLst>
              <a:path w="5269720" h="949686">
                <a:moveTo>
                  <a:pt x="1684072" y="498006"/>
                </a:moveTo>
                <a:cubicBezTo>
                  <a:pt x="1664287" y="506210"/>
                  <a:pt x="1637746" y="512965"/>
                  <a:pt x="1604449" y="518274"/>
                </a:cubicBezTo>
                <a:cubicBezTo>
                  <a:pt x="1582010" y="521893"/>
                  <a:pt x="1565301" y="528709"/>
                  <a:pt x="1554322" y="538722"/>
                </a:cubicBezTo>
                <a:cubicBezTo>
                  <a:pt x="1543344" y="548736"/>
                  <a:pt x="1537855" y="561222"/>
                  <a:pt x="1537855" y="576181"/>
                </a:cubicBezTo>
                <a:cubicBezTo>
                  <a:pt x="1537855" y="591382"/>
                  <a:pt x="1543163" y="603145"/>
                  <a:pt x="1553780" y="611469"/>
                </a:cubicBezTo>
                <a:cubicBezTo>
                  <a:pt x="1564396" y="619793"/>
                  <a:pt x="1578390" y="623955"/>
                  <a:pt x="1595763" y="623955"/>
                </a:cubicBezTo>
                <a:cubicBezTo>
                  <a:pt x="1611205" y="623955"/>
                  <a:pt x="1625682" y="620758"/>
                  <a:pt x="1639193" y="614364"/>
                </a:cubicBezTo>
                <a:cubicBezTo>
                  <a:pt x="1652705" y="607970"/>
                  <a:pt x="1663563" y="598741"/>
                  <a:pt x="1671766" y="586677"/>
                </a:cubicBezTo>
                <a:cubicBezTo>
                  <a:pt x="1679970" y="574613"/>
                  <a:pt x="1684072" y="560498"/>
                  <a:pt x="1684072" y="544332"/>
                </a:cubicBezTo>
                <a:close/>
                <a:moveTo>
                  <a:pt x="4340559" y="322835"/>
                </a:moveTo>
                <a:cubicBezTo>
                  <a:pt x="4322946" y="322835"/>
                  <a:pt x="4307685" y="328445"/>
                  <a:pt x="4294776" y="339665"/>
                </a:cubicBezTo>
                <a:cubicBezTo>
                  <a:pt x="4281867" y="350884"/>
                  <a:pt x="4272035" y="367050"/>
                  <a:pt x="4265279" y="388162"/>
                </a:cubicBezTo>
                <a:cubicBezTo>
                  <a:pt x="4258523" y="409274"/>
                  <a:pt x="4255145" y="434308"/>
                  <a:pt x="4255145" y="463261"/>
                </a:cubicBezTo>
                <a:cubicBezTo>
                  <a:pt x="4255145" y="492215"/>
                  <a:pt x="4258523" y="517248"/>
                  <a:pt x="4265279" y="538360"/>
                </a:cubicBezTo>
                <a:cubicBezTo>
                  <a:pt x="4272035" y="559473"/>
                  <a:pt x="4281867" y="575638"/>
                  <a:pt x="4294776" y="586858"/>
                </a:cubicBezTo>
                <a:cubicBezTo>
                  <a:pt x="4307685" y="598078"/>
                  <a:pt x="4322946" y="603687"/>
                  <a:pt x="4340559" y="603687"/>
                </a:cubicBezTo>
                <a:cubicBezTo>
                  <a:pt x="4357449" y="603687"/>
                  <a:pt x="4372046" y="598017"/>
                  <a:pt x="4384352" y="586677"/>
                </a:cubicBezTo>
                <a:cubicBezTo>
                  <a:pt x="4396657" y="575337"/>
                  <a:pt x="4406188" y="559111"/>
                  <a:pt x="4412944" y="537998"/>
                </a:cubicBezTo>
                <a:cubicBezTo>
                  <a:pt x="4419700" y="516886"/>
                  <a:pt x="4423078" y="491974"/>
                  <a:pt x="4423078" y="463261"/>
                </a:cubicBezTo>
                <a:cubicBezTo>
                  <a:pt x="4423078" y="434549"/>
                  <a:pt x="4419700" y="409636"/>
                  <a:pt x="4412944" y="388524"/>
                </a:cubicBezTo>
                <a:cubicBezTo>
                  <a:pt x="4406188" y="367412"/>
                  <a:pt x="4396657" y="351186"/>
                  <a:pt x="4384352" y="339846"/>
                </a:cubicBezTo>
                <a:cubicBezTo>
                  <a:pt x="4372046" y="328505"/>
                  <a:pt x="4357449" y="322835"/>
                  <a:pt x="4340559" y="322835"/>
                </a:cubicBezTo>
                <a:close/>
                <a:moveTo>
                  <a:pt x="4709464" y="185305"/>
                </a:moveTo>
                <a:lnTo>
                  <a:pt x="4909245" y="185305"/>
                </a:lnTo>
                <a:lnTo>
                  <a:pt x="4909245" y="498006"/>
                </a:lnTo>
                <a:cubicBezTo>
                  <a:pt x="4909486" y="525753"/>
                  <a:pt x="4916544" y="547408"/>
                  <a:pt x="4930418" y="562971"/>
                </a:cubicBezTo>
                <a:cubicBezTo>
                  <a:pt x="4944291" y="578534"/>
                  <a:pt x="4963774" y="586315"/>
                  <a:pt x="4988868" y="586315"/>
                </a:cubicBezTo>
                <a:cubicBezTo>
                  <a:pt x="5013720" y="586315"/>
                  <a:pt x="5033505" y="578413"/>
                  <a:pt x="5048223" y="562609"/>
                </a:cubicBezTo>
                <a:cubicBezTo>
                  <a:pt x="5062942" y="546805"/>
                  <a:pt x="5070180" y="525271"/>
                  <a:pt x="5069939" y="498006"/>
                </a:cubicBezTo>
                <a:lnTo>
                  <a:pt x="5069939" y="185305"/>
                </a:lnTo>
                <a:lnTo>
                  <a:pt x="5269720" y="185305"/>
                </a:lnTo>
                <a:lnTo>
                  <a:pt x="5269720" y="741218"/>
                </a:lnTo>
                <a:lnTo>
                  <a:pt x="5080073" y="741218"/>
                </a:lnTo>
                <a:lnTo>
                  <a:pt x="5080073" y="635537"/>
                </a:lnTo>
                <a:lnTo>
                  <a:pt x="5074282" y="635537"/>
                </a:lnTo>
                <a:cubicBezTo>
                  <a:pt x="5062218" y="671005"/>
                  <a:pt x="5041106" y="698692"/>
                  <a:pt x="5010945" y="718598"/>
                </a:cubicBezTo>
                <a:cubicBezTo>
                  <a:pt x="4980785" y="738504"/>
                  <a:pt x="4944955" y="748457"/>
                  <a:pt x="4903454" y="748457"/>
                </a:cubicBezTo>
                <a:cubicBezTo>
                  <a:pt x="4865090" y="748457"/>
                  <a:pt x="4831251" y="739589"/>
                  <a:pt x="4801935" y="721855"/>
                </a:cubicBezTo>
                <a:cubicBezTo>
                  <a:pt x="4772619" y="704121"/>
                  <a:pt x="4749878" y="679450"/>
                  <a:pt x="4733712" y="647842"/>
                </a:cubicBezTo>
                <a:cubicBezTo>
                  <a:pt x="4717546" y="616234"/>
                  <a:pt x="4709464" y="580283"/>
                  <a:pt x="4709464" y="539989"/>
                </a:cubicBezTo>
                <a:close/>
                <a:moveTo>
                  <a:pt x="3407285" y="185305"/>
                </a:moveTo>
                <a:lnTo>
                  <a:pt x="3615753" y="185305"/>
                </a:lnTo>
                <a:lnTo>
                  <a:pt x="3705509" y="570391"/>
                </a:lnTo>
                <a:lnTo>
                  <a:pt x="3711300" y="570391"/>
                </a:lnTo>
                <a:lnTo>
                  <a:pt x="3802505" y="185305"/>
                </a:lnTo>
                <a:lnTo>
                  <a:pt x="4012420" y="185305"/>
                </a:lnTo>
                <a:lnTo>
                  <a:pt x="3809743" y="787544"/>
                </a:lnTo>
                <a:cubicBezTo>
                  <a:pt x="3792853" y="837972"/>
                  <a:pt x="3765709" y="877603"/>
                  <a:pt x="3728311" y="906436"/>
                </a:cubicBezTo>
                <a:cubicBezTo>
                  <a:pt x="3690912" y="935269"/>
                  <a:pt x="3639398" y="949686"/>
                  <a:pt x="3573769" y="949686"/>
                </a:cubicBezTo>
                <a:cubicBezTo>
                  <a:pt x="3550848" y="949686"/>
                  <a:pt x="3529012" y="947997"/>
                  <a:pt x="3508261" y="944619"/>
                </a:cubicBezTo>
                <a:cubicBezTo>
                  <a:pt x="3487511" y="941241"/>
                  <a:pt x="3469294" y="936415"/>
                  <a:pt x="3453611" y="930142"/>
                </a:cubicBezTo>
                <a:lnTo>
                  <a:pt x="3497042" y="788268"/>
                </a:lnTo>
                <a:cubicBezTo>
                  <a:pt x="3520446" y="796472"/>
                  <a:pt x="3539628" y="800574"/>
                  <a:pt x="3554588" y="800574"/>
                </a:cubicBezTo>
                <a:cubicBezTo>
                  <a:pt x="3576544" y="800574"/>
                  <a:pt x="3591142" y="792370"/>
                  <a:pt x="3598380" y="775963"/>
                </a:cubicBezTo>
                <a:lnTo>
                  <a:pt x="3602723" y="765829"/>
                </a:lnTo>
                <a:close/>
                <a:moveTo>
                  <a:pt x="4339111" y="178066"/>
                </a:moveTo>
                <a:cubicBezTo>
                  <a:pt x="4398467" y="178066"/>
                  <a:pt x="4449860" y="190009"/>
                  <a:pt x="4493291" y="213896"/>
                </a:cubicBezTo>
                <a:cubicBezTo>
                  <a:pt x="4536721" y="237783"/>
                  <a:pt x="4569898" y="271321"/>
                  <a:pt x="4592819" y="314511"/>
                </a:cubicBezTo>
                <a:cubicBezTo>
                  <a:pt x="4615741" y="357701"/>
                  <a:pt x="4627202" y="407766"/>
                  <a:pt x="4627202" y="464709"/>
                </a:cubicBezTo>
                <a:cubicBezTo>
                  <a:pt x="4627202" y="521652"/>
                  <a:pt x="4615741" y="571718"/>
                  <a:pt x="4592819" y="614907"/>
                </a:cubicBezTo>
                <a:cubicBezTo>
                  <a:pt x="4569898" y="658097"/>
                  <a:pt x="4536721" y="691635"/>
                  <a:pt x="4493291" y="715522"/>
                </a:cubicBezTo>
                <a:cubicBezTo>
                  <a:pt x="4449860" y="739409"/>
                  <a:pt x="4398467" y="751352"/>
                  <a:pt x="4339111" y="751352"/>
                </a:cubicBezTo>
                <a:cubicBezTo>
                  <a:pt x="4279756" y="751352"/>
                  <a:pt x="4228363" y="739409"/>
                  <a:pt x="4184932" y="715522"/>
                </a:cubicBezTo>
                <a:cubicBezTo>
                  <a:pt x="4141502" y="691635"/>
                  <a:pt x="4108325" y="658097"/>
                  <a:pt x="4085403" y="614907"/>
                </a:cubicBezTo>
                <a:cubicBezTo>
                  <a:pt x="4062482" y="571718"/>
                  <a:pt x="4051021" y="521652"/>
                  <a:pt x="4051021" y="464709"/>
                </a:cubicBezTo>
                <a:cubicBezTo>
                  <a:pt x="4051021" y="407766"/>
                  <a:pt x="4062482" y="357701"/>
                  <a:pt x="4085403" y="314511"/>
                </a:cubicBezTo>
                <a:cubicBezTo>
                  <a:pt x="4108325" y="271321"/>
                  <a:pt x="4141502" y="237783"/>
                  <a:pt x="4184932" y="213896"/>
                </a:cubicBezTo>
                <a:cubicBezTo>
                  <a:pt x="4228363" y="190009"/>
                  <a:pt x="4279756" y="178066"/>
                  <a:pt x="4339111" y="178066"/>
                </a:cubicBezTo>
                <a:close/>
                <a:moveTo>
                  <a:pt x="2342054" y="178066"/>
                </a:moveTo>
                <a:cubicBezTo>
                  <a:pt x="2380659" y="178066"/>
                  <a:pt x="2414680" y="186993"/>
                  <a:pt x="2444117" y="204848"/>
                </a:cubicBezTo>
                <a:cubicBezTo>
                  <a:pt x="2473553" y="222703"/>
                  <a:pt x="2496233" y="247435"/>
                  <a:pt x="2512158" y="279043"/>
                </a:cubicBezTo>
                <a:cubicBezTo>
                  <a:pt x="2528083" y="310651"/>
                  <a:pt x="2536045" y="346481"/>
                  <a:pt x="2536045" y="386534"/>
                </a:cubicBezTo>
                <a:lnTo>
                  <a:pt x="2536045" y="741218"/>
                </a:lnTo>
                <a:lnTo>
                  <a:pt x="2336264" y="741218"/>
                </a:lnTo>
                <a:lnTo>
                  <a:pt x="2336264" y="428517"/>
                </a:lnTo>
                <a:cubicBezTo>
                  <a:pt x="2336505" y="401011"/>
                  <a:pt x="2329568" y="379416"/>
                  <a:pt x="2315453" y="363733"/>
                </a:cubicBezTo>
                <a:cubicBezTo>
                  <a:pt x="2301338" y="348049"/>
                  <a:pt x="2281734" y="340208"/>
                  <a:pt x="2256641" y="340208"/>
                </a:cubicBezTo>
                <a:cubicBezTo>
                  <a:pt x="2231789" y="340208"/>
                  <a:pt x="2212124" y="348049"/>
                  <a:pt x="2197647" y="363733"/>
                </a:cubicBezTo>
                <a:cubicBezTo>
                  <a:pt x="2183170" y="379416"/>
                  <a:pt x="2175811" y="401011"/>
                  <a:pt x="2175570" y="428517"/>
                </a:cubicBezTo>
                <a:lnTo>
                  <a:pt x="2175570" y="741218"/>
                </a:lnTo>
                <a:lnTo>
                  <a:pt x="1975788" y="741218"/>
                </a:lnTo>
                <a:lnTo>
                  <a:pt x="1975788" y="185305"/>
                </a:lnTo>
                <a:lnTo>
                  <a:pt x="2165436" y="185305"/>
                </a:lnTo>
                <a:lnTo>
                  <a:pt x="2165436" y="290986"/>
                </a:lnTo>
                <a:lnTo>
                  <a:pt x="2171227" y="290986"/>
                </a:lnTo>
                <a:cubicBezTo>
                  <a:pt x="2179189" y="267823"/>
                  <a:pt x="2191434" y="247736"/>
                  <a:pt x="2207962" y="230726"/>
                </a:cubicBezTo>
                <a:cubicBezTo>
                  <a:pt x="2224490" y="213715"/>
                  <a:pt x="2244214" y="200686"/>
                  <a:pt x="2267136" y="191638"/>
                </a:cubicBezTo>
                <a:cubicBezTo>
                  <a:pt x="2290058" y="182590"/>
                  <a:pt x="2315031" y="178066"/>
                  <a:pt x="2342054" y="178066"/>
                </a:cubicBezTo>
                <a:close/>
                <a:moveTo>
                  <a:pt x="1626164" y="178066"/>
                </a:moveTo>
                <a:cubicBezTo>
                  <a:pt x="1677799" y="178066"/>
                  <a:pt x="1723039" y="186028"/>
                  <a:pt x="1761885" y="201953"/>
                </a:cubicBezTo>
                <a:cubicBezTo>
                  <a:pt x="1800732" y="217878"/>
                  <a:pt x="1830530" y="239714"/>
                  <a:pt x="1851280" y="267461"/>
                </a:cubicBezTo>
                <a:cubicBezTo>
                  <a:pt x="1872030" y="295208"/>
                  <a:pt x="1882406" y="326213"/>
                  <a:pt x="1882406" y="360475"/>
                </a:cubicBezTo>
                <a:lnTo>
                  <a:pt x="1882406" y="741218"/>
                </a:lnTo>
                <a:lnTo>
                  <a:pt x="1695653" y="741218"/>
                </a:lnTo>
                <a:lnTo>
                  <a:pt x="1695653" y="663043"/>
                </a:lnTo>
                <a:lnTo>
                  <a:pt x="1691310" y="663043"/>
                </a:lnTo>
                <a:cubicBezTo>
                  <a:pt x="1674903" y="693203"/>
                  <a:pt x="1653369" y="715220"/>
                  <a:pt x="1626707" y="729094"/>
                </a:cubicBezTo>
                <a:cubicBezTo>
                  <a:pt x="1600045" y="742967"/>
                  <a:pt x="1568015" y="749904"/>
                  <a:pt x="1530617" y="749904"/>
                </a:cubicBezTo>
                <a:cubicBezTo>
                  <a:pt x="1494424" y="749904"/>
                  <a:pt x="1462756" y="743993"/>
                  <a:pt x="1435612" y="732170"/>
                </a:cubicBezTo>
                <a:cubicBezTo>
                  <a:pt x="1408468" y="720347"/>
                  <a:pt x="1387355" y="702311"/>
                  <a:pt x="1372275" y="678063"/>
                </a:cubicBezTo>
                <a:cubicBezTo>
                  <a:pt x="1357195" y="653814"/>
                  <a:pt x="1349655" y="623714"/>
                  <a:pt x="1349655" y="587763"/>
                </a:cubicBezTo>
                <a:cubicBezTo>
                  <a:pt x="1349655" y="530338"/>
                  <a:pt x="1368053" y="487691"/>
                  <a:pt x="1404848" y="459823"/>
                </a:cubicBezTo>
                <a:cubicBezTo>
                  <a:pt x="1441644" y="431955"/>
                  <a:pt x="1491288" y="415729"/>
                  <a:pt x="1553780" y="411144"/>
                </a:cubicBezTo>
                <a:cubicBezTo>
                  <a:pt x="1586353" y="408732"/>
                  <a:pt x="1611747" y="405776"/>
                  <a:pt x="1629964" y="402277"/>
                </a:cubicBezTo>
                <a:cubicBezTo>
                  <a:pt x="1648181" y="398779"/>
                  <a:pt x="1661512" y="393832"/>
                  <a:pt x="1669957" y="387438"/>
                </a:cubicBezTo>
                <a:cubicBezTo>
                  <a:pt x="1678402" y="381045"/>
                  <a:pt x="1682624" y="372539"/>
                  <a:pt x="1682624" y="361923"/>
                </a:cubicBezTo>
                <a:lnTo>
                  <a:pt x="1682624" y="360475"/>
                </a:lnTo>
                <a:cubicBezTo>
                  <a:pt x="1682624" y="346240"/>
                  <a:pt x="1677195" y="335201"/>
                  <a:pt x="1666338" y="327359"/>
                </a:cubicBezTo>
                <a:cubicBezTo>
                  <a:pt x="1655480" y="319518"/>
                  <a:pt x="1641124" y="315597"/>
                  <a:pt x="1623269" y="315597"/>
                </a:cubicBezTo>
                <a:cubicBezTo>
                  <a:pt x="1603725" y="315597"/>
                  <a:pt x="1588102" y="319819"/>
                  <a:pt x="1576400" y="328264"/>
                </a:cubicBezTo>
                <a:cubicBezTo>
                  <a:pt x="1564697" y="336709"/>
                  <a:pt x="1557640" y="349376"/>
                  <a:pt x="1555227" y="366266"/>
                </a:cubicBezTo>
                <a:lnTo>
                  <a:pt x="1371370" y="366266"/>
                </a:lnTo>
                <a:cubicBezTo>
                  <a:pt x="1373783" y="331280"/>
                  <a:pt x="1384822" y="299552"/>
                  <a:pt x="1404486" y="271080"/>
                </a:cubicBezTo>
                <a:cubicBezTo>
                  <a:pt x="1424151" y="242609"/>
                  <a:pt x="1452682" y="219989"/>
                  <a:pt x="1490081" y="203220"/>
                </a:cubicBezTo>
                <a:cubicBezTo>
                  <a:pt x="1527480" y="186451"/>
                  <a:pt x="1572841" y="178066"/>
                  <a:pt x="1626164" y="178066"/>
                </a:cubicBezTo>
                <a:close/>
                <a:moveTo>
                  <a:pt x="2633013" y="0"/>
                </a:moveTo>
                <a:lnTo>
                  <a:pt x="2832795" y="0"/>
                </a:lnTo>
                <a:lnTo>
                  <a:pt x="2832795" y="372057"/>
                </a:lnTo>
                <a:lnTo>
                  <a:pt x="2840033" y="372057"/>
                </a:lnTo>
                <a:lnTo>
                  <a:pt x="2974669" y="185305"/>
                </a:lnTo>
                <a:lnTo>
                  <a:pt x="3199061" y="185305"/>
                </a:lnTo>
                <a:lnTo>
                  <a:pt x="3010137" y="428879"/>
                </a:lnTo>
                <a:lnTo>
                  <a:pt x="3204851" y="741218"/>
                </a:lnTo>
                <a:lnTo>
                  <a:pt x="2976116" y="741218"/>
                </a:lnTo>
                <a:lnTo>
                  <a:pt x="2862834" y="545418"/>
                </a:lnTo>
                <a:lnTo>
                  <a:pt x="2832795" y="583420"/>
                </a:lnTo>
                <a:lnTo>
                  <a:pt x="2832795" y="741218"/>
                </a:lnTo>
                <a:lnTo>
                  <a:pt x="2633013" y="741218"/>
                </a:lnTo>
                <a:close/>
                <a:moveTo>
                  <a:pt x="718488" y="0"/>
                </a:moveTo>
                <a:lnTo>
                  <a:pt x="911031" y="0"/>
                </a:lnTo>
                <a:lnTo>
                  <a:pt x="911031" y="290986"/>
                </a:lnTo>
                <a:lnTo>
                  <a:pt x="916822" y="290986"/>
                </a:lnTo>
                <a:cubicBezTo>
                  <a:pt x="929369" y="255276"/>
                  <a:pt x="950300" y="227529"/>
                  <a:pt x="979616" y="207744"/>
                </a:cubicBezTo>
                <a:cubicBezTo>
                  <a:pt x="1008932" y="187959"/>
                  <a:pt x="1043978" y="178066"/>
                  <a:pt x="1084754" y="178066"/>
                </a:cubicBezTo>
                <a:cubicBezTo>
                  <a:pt x="1123360" y="178066"/>
                  <a:pt x="1157380" y="186933"/>
                  <a:pt x="1186817" y="204667"/>
                </a:cubicBezTo>
                <a:cubicBezTo>
                  <a:pt x="1216253" y="222402"/>
                  <a:pt x="1238934" y="247073"/>
                  <a:pt x="1254858" y="278681"/>
                </a:cubicBezTo>
                <a:cubicBezTo>
                  <a:pt x="1270783" y="310289"/>
                  <a:pt x="1278745" y="346240"/>
                  <a:pt x="1278745" y="386534"/>
                </a:cubicBezTo>
                <a:lnTo>
                  <a:pt x="1278745" y="741218"/>
                </a:lnTo>
                <a:lnTo>
                  <a:pt x="1078964" y="741218"/>
                </a:lnTo>
                <a:lnTo>
                  <a:pt x="1078964" y="428517"/>
                </a:lnTo>
                <a:cubicBezTo>
                  <a:pt x="1079205" y="400769"/>
                  <a:pt x="1072329" y="379114"/>
                  <a:pt x="1058334" y="363552"/>
                </a:cubicBezTo>
                <a:cubicBezTo>
                  <a:pt x="1044340" y="347989"/>
                  <a:pt x="1024675" y="340208"/>
                  <a:pt x="999341" y="340208"/>
                </a:cubicBezTo>
                <a:cubicBezTo>
                  <a:pt x="974730" y="340208"/>
                  <a:pt x="955126" y="348110"/>
                  <a:pt x="940528" y="363913"/>
                </a:cubicBezTo>
                <a:cubicBezTo>
                  <a:pt x="925931" y="379717"/>
                  <a:pt x="918511" y="401252"/>
                  <a:pt x="918270" y="428517"/>
                </a:cubicBezTo>
                <a:lnTo>
                  <a:pt x="918270" y="741218"/>
                </a:lnTo>
                <a:lnTo>
                  <a:pt x="718488" y="741218"/>
                </a:lnTo>
                <a:close/>
                <a:moveTo>
                  <a:pt x="0" y="0"/>
                </a:moveTo>
                <a:lnTo>
                  <a:pt x="644223" y="0"/>
                </a:lnTo>
                <a:lnTo>
                  <a:pt x="644223" y="162141"/>
                </a:lnTo>
                <a:lnTo>
                  <a:pt x="421279" y="162141"/>
                </a:lnTo>
                <a:lnTo>
                  <a:pt x="421279" y="741218"/>
                </a:lnTo>
                <a:lnTo>
                  <a:pt x="222945" y="741218"/>
                </a:lnTo>
                <a:lnTo>
                  <a:pt x="222945" y="162141"/>
                </a:lnTo>
                <a:lnTo>
                  <a:pt x="0" y="162141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noProof="0" dirty="0" err="1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F60423B-0833-413C-8670-D2F1D86B4D98}"/>
              </a:ext>
            </a:extLst>
          </p:cNvPr>
          <p:cNvSpPr txBox="1"/>
          <p:nvPr userDrawn="1"/>
        </p:nvSpPr>
        <p:spPr>
          <a:xfrm>
            <a:off x="7350780" y="1474967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8000" dirty="0">
              <a:solidFill>
                <a:schemeClr val="accent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9227216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1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233639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346214CE-CAE1-433D-A846-FC3342686ED0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 bwMode="white"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41BD7EA-C3CC-4195-B396-34D12DCC862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762295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A720CB42-81A1-4A6B-977A-543E442C7704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4F0B8F97-F01E-49B6-99DD-0C487D2382B4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4F400C32-FBDE-424B-B4C5-B20E6FA9EC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32981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 userDrawn="1">
          <p15:clr>
            <a:srgbClr val="F26B43"/>
          </p15:clr>
        </p15:guide>
        <p15:guide id="2" orient="horz" pos="2291" userDrawn="1">
          <p15:clr>
            <a:srgbClr val="F26B43"/>
          </p15:clr>
        </p15:guide>
      </p15:sldGuideLst>
    </p:ext>
  </p:extLst>
</p:sldLayout>
</file>

<file path=ppt/slideLayouts/slideLayout2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yellow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24883076"/>
      </p:ext>
    </p:extLst>
  </p:cSld>
  <p:clrMapOvr>
    <a:masterClrMapping/>
  </p:clrMapOvr>
</p:sldLayout>
</file>

<file path=ppt/slideLayouts/slideLayout2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re seu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3554944"/>
      </p:ext>
    </p:extLst>
  </p:cSld>
  <p:clrMapOvr>
    <a:masterClrMapping/>
  </p:clrMapOvr>
</p:sldLayout>
</file>

<file path=ppt/slideLayouts/slideLayout20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V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8E191F-9315-439E-B3E1-E244B439CE9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421B79-34B3-49E9-88AB-D05336546B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5FA46-FFD0-4832-8708-FF45CE149A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16917675"/>
      </p:ext>
    </p:extLst>
  </p:cSld>
  <p:clrMapOvr>
    <a:masterClrMapping/>
  </p:clrMapOvr>
</p:sldLayout>
</file>

<file path=ppt/slideLayouts/slideLayout20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Dstny Body" panose="02000603000000020004" pitchFamily="2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1227" y="1733517"/>
            <a:ext cx="2916000" cy="346248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lete bullet for regular text. 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sz="1600" dirty="0">
                <a:latin typeface="+mn-lt"/>
                <a:cs typeface="Dstny Body" panose="02000603000000020004" pitchFamily="2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Layout </a:t>
            </a: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to view a dropdown menu of possible slide layouts</a:t>
            </a:r>
            <a:endParaRPr lang="en-GB" sz="900" dirty="0">
              <a:latin typeface="+mn-lt"/>
              <a:ea typeface="Dstny Body" panose="02000603000000020004" pitchFamily="2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62260" y="1742868"/>
            <a:ext cx="2936481" cy="344709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menu to reset position, size and formatting of the slide placeholders to their default settings</a:t>
            </a:r>
            <a:endParaRPr lang="en-GB" altLang="da-DK" sz="900" baseline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PICTURES</a:t>
            </a:r>
            <a:endParaRPr lang="en-GB" sz="16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browse for picture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74443" y="1733517"/>
            <a:ext cx="2936482" cy="41395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HEADER &amp; FOOT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Dstny Body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+ option + ctrl + G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10501896-43DD-469D-A55E-AA24E780130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99609" y="3500899"/>
            <a:ext cx="257143" cy="28571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99609" y="5003956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22597" y="315575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99609" y="4178576"/>
            <a:ext cx="328881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95011" y="2259973"/>
            <a:ext cx="538465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298741" y="3887427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70780" y="2271263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9609" y="2809191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829479595"/>
      </p:ext>
    </p:extLst>
  </p:cSld>
  <p:clrMapOvr>
    <a:masterClrMapping/>
  </p:clrMapOvr>
</p:sldLayout>
</file>

<file path=ppt/slideLayouts/slideLayout20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assific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algn="l"/>
            <a:r>
              <a:rPr lang="en-GB" sz="3200" kern="1200" cap="all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lassification Levels Policy </a:t>
            </a:r>
          </a:p>
        </p:txBody>
      </p:sp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8F31359-7304-45D0-84E0-C8364FD2AC19}"/>
              </a:ext>
            </a:extLst>
          </p:cNvPr>
          <p:cNvSpPr txBox="1"/>
          <p:nvPr userDrawn="1"/>
        </p:nvSpPr>
        <p:spPr>
          <a:xfrm>
            <a:off x="431800" y="1724025"/>
            <a:ext cx="8517991" cy="41549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Public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can be made public and whose disclosure is not prejudicial to the interests of Dstny, including its staff and stakeholders in its activities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Restricted</a:t>
            </a:r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:</a:t>
            </a:r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 </a:t>
            </a:r>
            <a:r>
              <a:rPr lang="en-GB" sz="1800" b="1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Any information accessible by Dstny staff and disseminated to outsiders on a need-to-know basis under the responsibility of an authorised Dstny worker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onfidential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communicated to identified data subjects and whose unwanted disclosure could have significant consequences for Dstny 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Secret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disclosed to identified and mutually identifiable data subjects, and whose unwanted disclosure could have critical consequences for Dstny </a:t>
            </a:r>
            <a:endParaRPr lang="en-GB" sz="1800" dirty="0"/>
          </a:p>
        </p:txBody>
      </p:sp>
    </p:spTree>
    <p:extLst>
      <p:ext uri="{BB962C8B-B14F-4D97-AF65-F5344CB8AC3E}">
        <p14:creationId xmlns:p14="http://schemas.microsoft.com/office/powerpoint/2010/main" val="269107064"/>
      </p:ext>
    </p:extLst>
  </p:cSld>
  <p:clrMapOvr>
    <a:masterClrMapping/>
  </p:clrMapOvr>
</p:sldLayout>
</file>

<file path=ppt/slideLayouts/slideLayout20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19137876"/>
      </p:ext>
    </p:extLst>
  </p:cSld>
  <p:clrMapOvr>
    <a:masterClrMapping/>
  </p:clrMapOvr>
</p:sldLayout>
</file>

<file path=ppt/slideLayouts/slideLayout2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3020891"/>
      </p:ext>
    </p:extLst>
  </p:cSld>
  <p:clrMapOvr>
    <a:masterClrMapping/>
  </p:clrMapOvr>
</p:sldLayout>
</file>

<file path=ppt/slideLayouts/slideLayout2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/>
          <p:nvPr userDrawn="1"/>
        </p:nvSpPr>
        <p:spPr>
          <a:xfrm>
            <a:off x="9154803" y="318416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313203" y="864000"/>
            <a:ext cx="4512551" cy="4536000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/>
          <p:nvPr userDrawn="1"/>
        </p:nvSpPr>
        <p:spPr>
          <a:xfrm>
            <a:off x="9656245" y="1565755"/>
            <a:ext cx="1901370" cy="1901371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79488" y="2160000"/>
            <a:ext cx="4899025" cy="3830400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88" y="5991224"/>
            <a:ext cx="4899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71673764"/>
      </p:ext>
    </p:extLst>
  </p:cSld>
  <p:clrMapOvr>
    <a:masterClrMapping/>
  </p:clrMapOvr>
</p:sldLayout>
</file>

<file path=ppt/slideLayouts/slideLayout2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End slides">
    <p:bg>
      <p:bgPr>
        <a:gradFill>
          <a:gsLst>
            <a:gs pos="0">
              <a:schemeClr val="accent6"/>
            </a:gs>
            <a:gs pos="95000">
              <a:schemeClr val="accent1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18772944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09.xml><?xml version="1.0" encoding="utf-8"?>
<p:sldLayout xmlns:a="http://schemas.openxmlformats.org/drawingml/2006/main" xmlns:r="http://schemas.openxmlformats.org/officeDocument/2006/relationships" xmlns:p="http://schemas.openxmlformats.org/presentationml/2006/main" type="obj">
  <p:cSld name="2_Titre et conten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r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fr-FR"/>
              <a:t>Modifiez le style du titre</a:t>
            </a:r>
            <a:endParaRPr lang="de-DE"/>
          </a:p>
        </p:txBody>
      </p:sp>
      <p:sp>
        <p:nvSpPr>
          <p:cNvPr id="3" name="Espace réservé du contenu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fr-FR"/>
              <a:t>Modifiez les styles du texte du masque</a:t>
            </a:r>
          </a:p>
          <a:p>
            <a:pPr lvl="1"/>
            <a:r>
              <a:rPr lang="fr-FR"/>
              <a:t>Deuxième niveau</a:t>
            </a:r>
          </a:p>
          <a:p>
            <a:pPr lvl="2"/>
            <a:r>
              <a:rPr lang="fr-FR"/>
              <a:t>Troisième niveau</a:t>
            </a:r>
          </a:p>
          <a:p>
            <a:pPr lvl="3"/>
            <a:r>
              <a:rPr lang="fr-FR"/>
              <a:t>Quatrième niveau</a:t>
            </a:r>
          </a:p>
          <a:p>
            <a:pPr lvl="4"/>
            <a:r>
              <a:rPr lang="fr-FR"/>
              <a:t>Cinquième niveau</a:t>
            </a:r>
            <a:endParaRPr lang="de-DE"/>
          </a:p>
        </p:txBody>
      </p:sp>
      <p:sp>
        <p:nvSpPr>
          <p:cNvPr id="4" name="Espace réservé de la date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638941B0-F4D5-4460-BCAD-F7E2B41A8257}" type="datetimeFigureOut">
              <a:rPr lang="de-DE" smtClean="0"/>
              <a:t>15.11.23</a:t>
            </a:fld>
            <a:endParaRPr lang="de-DE"/>
          </a:p>
        </p:txBody>
      </p:sp>
      <p:sp>
        <p:nvSpPr>
          <p:cNvPr id="5" name="Espace réservé du pied de page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de-DE"/>
          </a:p>
        </p:txBody>
      </p:sp>
      <p:sp>
        <p:nvSpPr>
          <p:cNvPr id="6" name="Espace réservé du numéro de diapositive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7C6CCC6-2BE5-4E42-96A4-D1E8E81A3D8E}" type="slidenum">
              <a:rPr lang="de-DE" smtClean="0"/>
              <a:t>‹#›</a:t>
            </a:fld>
            <a:endParaRPr lang="de-DE"/>
          </a:p>
        </p:txBody>
      </p:sp>
    </p:spTree>
    <p:extLst>
      <p:ext uri="{BB962C8B-B14F-4D97-AF65-F5344CB8AC3E}">
        <p14:creationId xmlns:p14="http://schemas.microsoft.com/office/powerpoint/2010/main" val="1895952441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496906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 userDrawn="1">
          <p15:clr>
            <a:srgbClr val="F26B43"/>
          </p15:clr>
        </p15:guide>
        <p15:guide id="2" orient="horz" pos="2291" userDrawn="1">
          <p15:clr>
            <a:srgbClr val="F26B43"/>
          </p15:clr>
        </p15:guide>
      </p15:sldGuideLst>
    </p:ext>
  </p:extLst>
</p:sldLayout>
</file>

<file path=ppt/slideLayouts/slideLayout21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394816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23D6DE55-12CE-4DCC-AB6C-3C77D2902D2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Rectangle">
            <a:extLst>
              <a:ext uri="{FF2B5EF4-FFF2-40B4-BE49-F238E27FC236}">
                <a16:creationId xmlns:a16="http://schemas.microsoft.com/office/drawing/2014/main" id="{8937A0AD-FEFD-45EB-B4D0-1E2ED999056C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 b="1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FEED0661-B3F8-4AFA-9CE3-DCAF01813D9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12514769"/>
      </p:ext>
    </p:extLst>
  </p:cSld>
  <p:clrMapOvr>
    <a:masterClrMapping/>
  </p:clrMapOvr>
</p:sldLayout>
</file>

<file path=ppt/slideLayouts/slideLayout2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346214CE-CAE1-433D-A846-FC3342686ED0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 bwMode="white"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41BD7EA-C3CC-4195-B396-34D12DCC862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13727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bg>
      <p:bgPr>
        <a:gradFill>
          <a:gsLst>
            <a:gs pos="95000">
              <a:schemeClr val="accent6"/>
            </a:gs>
            <a:gs pos="0">
              <a:schemeClr val="accent1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62B4802F-FA45-4EE6-83A6-B60CB36913B4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020308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dark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bg1"/>
                </a:solidFill>
              </a:defRPr>
            </a:lvl1pPr>
          </a:lstStyle>
          <a:p>
            <a:fld id="{38BAF498-A710-4AAA-9AF7-1FA5D1B3A456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27504708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light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8943975" y="2743200"/>
            <a:ext cx="2505075" cy="124777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38BAF498-A710-4AAA-9AF7-1FA5D1B3A456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417532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0535AB10-5016-4BBE-B319-91BC6F875FE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>
          <a:xfrm rot="5400000" flipV="1">
            <a:off x="439200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7" y="6199199"/>
            <a:ext cx="901603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>
                <a:latin typeface="+mn-lt"/>
              </a:defRPr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9276357"/>
      </p:ext>
    </p:extLst>
  </p:cSld>
  <p:clrMapOvr>
    <a:masterClrMapping/>
  </p:clrMapOvr>
</p:sldLayout>
</file>

<file path=ppt/slideLayouts/slideLayout2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74232FE-6B21-4D3C-8891-6A33800C6D20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 bwMode="white">
          <a:xfrm rot="5400000" flipV="1">
            <a:off x="439200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1627261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E552D84-A027-418B-B489-16EF46A08E8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388566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1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652397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FD1B9649-FA38-462A-A772-F439A69356A5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8" name="Logo">
            <a:extLst>
              <a:ext uri="{FF2B5EF4-FFF2-40B4-BE49-F238E27FC236}">
                <a16:creationId xmlns:a16="http://schemas.microsoft.com/office/drawing/2014/main" id="{5A5521B7-1186-4CA9-A8D4-6E07481414C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 bwMode="white"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 bwMode="white"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4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964F4D-7160-4DB8-900F-F3B7AB805741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F8B77D-D382-42D8-95C1-0C47695CBD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1259E83-889E-4E1B-BEA6-D8459EDC58F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2758050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 userDrawn="1">
          <p15:clr>
            <a:srgbClr val="F26B43"/>
          </p15:clr>
        </p15:guide>
        <p15:guide id="2" orient="horz" pos="2291" userDrawn="1">
          <p15:clr>
            <a:srgbClr val="F26B43"/>
          </p15:clr>
        </p15:guide>
      </p15:sldGuideLst>
    </p:ext>
  </p:extLst>
</p:sldLayout>
</file>

<file path=ppt/slideLayouts/slideLayout22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E7966683-9609-42DF-8F42-B189A090742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960562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35F8FA-83AA-40A7-A81F-145B0272EF9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62D0141-A742-40EA-90CE-E9F3A4CC6BB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AE8AB24-1A29-4E44-8B8A-66ED307E211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34456998"/>
      </p:ext>
    </p:extLst>
  </p:cSld>
  <p:clrMapOvr>
    <a:masterClrMapping/>
  </p:clrMapOvr>
</p:sldLayout>
</file>

<file path=ppt/slideLayouts/slideLayout2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108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76964771"/>
      </p:ext>
    </p:extLst>
  </p:cSld>
  <p:clrMapOvr>
    <a:masterClrMapping/>
  </p:clrMapOvr>
</p:sldLayout>
</file>

<file path=ppt/slideLayouts/slideLayout2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83880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Enter &amp; TAB for next text level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1728000"/>
            <a:ext cx="19584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83880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28000289"/>
      </p:ext>
    </p:extLst>
  </p:cSld>
  <p:clrMapOvr>
    <a:masterClrMapping/>
  </p:clrMapOvr>
</p:sldLayout>
</file>

<file path=ppt/slideLayouts/slideLayout2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75175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7840800" cy="860025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2160000"/>
            <a:ext cx="78408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Enter &amp; TAB for next text level                        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2160000"/>
            <a:ext cx="1958400" cy="3830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78408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648016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2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/>
          <p:nvPr userDrawn="1"/>
        </p:nvSpPr>
        <p:spPr>
          <a:xfrm>
            <a:off x="9154803" y="318416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313203" y="864000"/>
            <a:ext cx="4512551" cy="4536000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/>
          <p:nvPr userDrawn="1"/>
        </p:nvSpPr>
        <p:spPr>
          <a:xfrm>
            <a:off x="9656245" y="1565755"/>
            <a:ext cx="1901370" cy="1901371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79488" y="2160000"/>
            <a:ext cx="4899025" cy="3830400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88" y="5991224"/>
            <a:ext cx="4899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0662500"/>
      </p:ext>
    </p:extLst>
  </p:cSld>
  <p:clrMapOvr>
    <a:masterClrMapping/>
  </p:clrMapOvr>
</p:sldLayout>
</file>

<file path=ppt/slideLayouts/slideLayout2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51732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3531600" y="3364200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4400" y="863999"/>
            <a:ext cx="5172625" cy="86002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584400" y="2160000"/>
            <a:ext cx="51732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584400" y="5991224"/>
            <a:ext cx="51804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A93765-CE2C-40DF-A07F-38F61BBB42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0AE797-4FC1-4511-8181-FEA09BFEF7C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A7B1EA-FFDB-44FE-9A80-5626E53F81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86596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2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78300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1920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4000" y="1368000"/>
            <a:ext cx="2509200" cy="4168800"/>
          </a:xfrm>
        </p:spPr>
        <p:txBody>
          <a:bodyPr/>
          <a:lstStyle>
            <a:lvl1pPr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252000" y="864000"/>
            <a:ext cx="2505600" cy="5126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2000" y="5991224"/>
            <a:ext cx="250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639369-DFE2-4509-AEB5-C21FB645638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43103C-01F7-4802-B93F-A5AF643FFDE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91A0EBB-DBF9-4086-B365-2D0662B21F1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579389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2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E07CD6B4-09CD-40D3-BFB2-70EAF73B36C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433000 w 12193200"/>
              <a:gd name="connsiteY148" fmla="*/ 864356 h 6861600"/>
              <a:gd name="connsiteX149" fmla="*/ 433000 w 12193200"/>
              <a:gd name="connsiteY149" fmla="*/ 5990756 h 6861600"/>
              <a:gd name="connsiteX150" fmla="*/ 559000 w 12193200"/>
              <a:gd name="connsiteY150" fmla="*/ 5990756 h 6861600"/>
              <a:gd name="connsiteX151" fmla="*/ 559000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433000" y="864356"/>
                </a:moveTo>
                <a:lnTo>
                  <a:pt x="433000" y="5990756"/>
                </a:lnTo>
                <a:lnTo>
                  <a:pt x="559000" y="5990756"/>
                </a:lnTo>
                <a:lnTo>
                  <a:pt x="559000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90000" y="864000"/>
            <a:ext cx="29304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2DA8A14E-DC03-49C9-92CA-121CFBEC32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9799200" y="864000"/>
            <a:ext cx="1954800" cy="5126400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 cap="none" baseline="0">
                <a:solidFill>
                  <a:schemeClr val="bg1"/>
                </a:solidFill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1022522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6982926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354633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A720CB42-81A1-4A6B-977A-543E442C7704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4F0B8F97-F01E-49B6-99DD-0C487D2382B4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4F400C32-FBDE-424B-B4C5-B20E6FA9EC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98829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2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241500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2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FD1B9649-FA38-462A-A772-F439A69356A5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8" name="Logo">
            <a:extLst>
              <a:ext uri="{FF2B5EF4-FFF2-40B4-BE49-F238E27FC236}">
                <a16:creationId xmlns:a16="http://schemas.microsoft.com/office/drawing/2014/main" id="{5A5521B7-1186-4CA9-A8D4-6E07481414C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 bwMode="white"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 bwMode="white"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4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964F4D-7160-4DB8-900F-F3B7AB805741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F8B77D-D382-42D8-95C1-0C47695CBD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1259E83-889E-4E1B-BEA6-D8459EDC58F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06234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2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5857815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0" bIns="576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505600" cy="1915200"/>
          </a:xfrm>
        </p:spPr>
        <p:txBody>
          <a:bodyPr anchor="t" anchorCtr="0"/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5B12D-AFCA-4C69-8772-3103D984CD9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D37CD5E9-4514-4A77-9781-C0FC80437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33732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F023000C-62EC-4AE1-9428-2B6EA4DF5F7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3108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FE03E1E-7BBA-4981-A199-083F8DE64A6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6136217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A">
    <p:bg>
      <p:bgPr>
        <a:gradFill flip="none" rotWithShape="1">
          <a:gsLst>
            <a:gs pos="25000">
              <a:schemeClr val="accent2"/>
            </a:gs>
            <a:gs pos="100000">
              <a:srgbClr val="FFE655"/>
            </a:gs>
          </a:gsLst>
          <a:lin ang="0" scaled="1"/>
          <a:tileRect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3532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tx1"/>
              </a:solidFill>
            </a:endParaRP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4A421D-40AC-4B3C-B046-B97D2CDEB7D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4217A7-1C84-4022-9AF0-8A02934FBF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626653-B042-4CAD-ABE7-FCC2DB1ACE3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501031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12924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865907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C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20700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792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262251-164F-4D9F-BEE6-DBF9AF1C6B9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FAD54A-EFB6-40DC-A8BF-327E43A08F1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A44297-F69A-4FA2-AD60-0EA38D021B9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5444845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46A2CB-4C6C-4AC8-9450-CD3828AF787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033000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148000" cy="5122800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A2F42676-7691-4BBA-B454-CF007CCADCB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609597" y="864000"/>
            <a:ext cx="5148000" cy="5122799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4FBCBC-1785-4DFB-84A8-04367CD12684}"/>
              </a:ext>
            </a:extLst>
          </p:cNvPr>
          <p:cNvSpPr>
            <a:spLocks noGrp="1"/>
          </p:cNvSpPr>
          <p:nvPr>
            <p:ph type="dt" sz="half" idx="2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2F9B70-FCB9-43D9-9F30-EE12E6A1D4A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ACFBE7-785A-4311-8356-55947434B49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5302580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B">
    <p:bg>
      <p:bgPr>
        <a:gradFill>
          <a:gsLst>
            <a:gs pos="0">
              <a:schemeClr val="accent1"/>
            </a:gs>
            <a:gs pos="95000">
              <a:srgbClr val="0066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63DA7E30-9A41-4C82-A7CB-D8A1E3912EAA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9" name="Text Placeholder 16">
            <a:extLst>
              <a:ext uri="{FF2B5EF4-FFF2-40B4-BE49-F238E27FC236}">
                <a16:creationId xmlns:a16="http://schemas.microsoft.com/office/drawing/2014/main" id="{AF04E0B3-14B7-4D62-87B4-0112A485F8C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417637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70457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       Enter &amp; TAB for next text level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7372992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0" bIns="576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505600" cy="1915200"/>
          </a:xfrm>
        </p:spPr>
        <p:txBody>
          <a:bodyPr anchor="t" anchorCtr="0"/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5B12D-AFCA-4C69-8772-3103D984CD9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D37CD5E9-4514-4A77-9781-C0FC80437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33732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F023000C-62EC-4AE1-9428-2B6EA4DF5F7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3108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FE03E1E-7BBA-4981-A199-083F8DE64A6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5482546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034A43F0-B693-4A6A-922F-5584D05D23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0653125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DE7121FB-1BE2-4733-A7DE-83DABC7A11B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138413510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1090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2000" y="864000"/>
            <a:ext cx="5878800" cy="4262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62000" y="5137200"/>
            <a:ext cx="5880100" cy="3600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noProof="0" dirty="0"/>
              <a:t>Click to add Nam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5E3943B2-B1DF-42B0-9F1C-B752FFA217D8}"/>
              </a:ext>
            </a:extLst>
          </p:cNvPr>
          <p:cNvSpPr>
            <a:spLocks noChangeAspect="1"/>
          </p:cNvSpPr>
          <p:nvPr userDrawn="1"/>
        </p:nvSpPr>
        <p:spPr bwMode="white">
          <a:xfrm>
            <a:off x="431799" y="864358"/>
            <a:ext cx="565325" cy="432000"/>
          </a:xfrm>
          <a:custGeom>
            <a:avLst/>
            <a:gdLst/>
            <a:ahLst/>
            <a:cxnLst/>
            <a:rect l="l" t="t" r="r" b="b"/>
            <a:pathLst>
              <a:path w="436820" h="333802">
                <a:moveTo>
                  <a:pt x="343248" y="0"/>
                </a:moveTo>
                <a:lnTo>
                  <a:pt x="436820" y="51285"/>
                </a:lnTo>
                <a:cubicBezTo>
                  <a:pt x="420625" y="77677"/>
                  <a:pt x="407729" y="105194"/>
                  <a:pt x="398132" y="133836"/>
                </a:cubicBezTo>
                <a:cubicBezTo>
                  <a:pt x="388535" y="162477"/>
                  <a:pt x="383886" y="194793"/>
                  <a:pt x="384186" y="230782"/>
                </a:cubicBezTo>
                <a:lnTo>
                  <a:pt x="384186" y="333802"/>
                </a:lnTo>
                <a:lnTo>
                  <a:pt x="225833" y="333802"/>
                </a:lnTo>
                <a:lnTo>
                  <a:pt x="225833" y="231232"/>
                </a:lnTo>
                <a:cubicBezTo>
                  <a:pt x="225833" y="202740"/>
                  <a:pt x="231456" y="173874"/>
                  <a:pt x="242703" y="144633"/>
                </a:cubicBezTo>
                <a:cubicBezTo>
                  <a:pt x="253949" y="115391"/>
                  <a:pt x="268645" y="88099"/>
                  <a:pt x="286790" y="62757"/>
                </a:cubicBezTo>
                <a:cubicBezTo>
                  <a:pt x="304934" y="37414"/>
                  <a:pt x="323754" y="16495"/>
                  <a:pt x="343248" y="0"/>
                </a:cubicBezTo>
                <a:close/>
                <a:moveTo>
                  <a:pt x="117415" y="0"/>
                </a:moveTo>
                <a:lnTo>
                  <a:pt x="210987" y="51285"/>
                </a:lnTo>
                <a:cubicBezTo>
                  <a:pt x="194792" y="77677"/>
                  <a:pt x="181896" y="105194"/>
                  <a:pt x="172299" y="133836"/>
                </a:cubicBezTo>
                <a:cubicBezTo>
                  <a:pt x="162701" y="162477"/>
                  <a:pt x="158053" y="194793"/>
                  <a:pt x="158353" y="230782"/>
                </a:cubicBezTo>
                <a:lnTo>
                  <a:pt x="158353" y="333802"/>
                </a:lnTo>
                <a:lnTo>
                  <a:pt x="0" y="333802"/>
                </a:lnTo>
                <a:lnTo>
                  <a:pt x="0" y="231232"/>
                </a:lnTo>
                <a:cubicBezTo>
                  <a:pt x="0" y="202740"/>
                  <a:pt x="5623" y="173874"/>
                  <a:pt x="16870" y="144633"/>
                </a:cubicBezTo>
                <a:cubicBezTo>
                  <a:pt x="28116" y="115391"/>
                  <a:pt x="42812" y="88099"/>
                  <a:pt x="60957" y="62757"/>
                </a:cubicBezTo>
                <a:cubicBezTo>
                  <a:pt x="79101" y="37414"/>
                  <a:pt x="97921" y="16495"/>
                  <a:pt x="117415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12" name="Text Placeholder notes">
            <a:extLst>
              <a:ext uri="{FF2B5EF4-FFF2-40B4-BE49-F238E27FC236}">
                <a16:creationId xmlns:a16="http://schemas.microsoft.com/office/drawing/2014/main" id="{07820C89-0519-40C4-9EA9-207BD7F2204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962000" y="5695200"/>
            <a:ext cx="5878800" cy="295200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332963923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s">
    <p:bg>
      <p:bgPr>
        <a:gradFill>
          <a:gsLst>
            <a:gs pos="0">
              <a:schemeClr val="accent6"/>
            </a:gs>
            <a:gs pos="95000">
              <a:schemeClr val="accent1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B99E036B-4CAD-4D2B-963A-EA155AD21A3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50000"/>
            <a:ext cx="165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850000"/>
            <a:ext cx="1656000" cy="1476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ontact information</a:t>
            </a: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57BCA77D-A437-4BE5-9F1B-499DFCDA409D}"/>
              </a:ext>
            </a:extLst>
          </p:cNvPr>
          <p:cNvSpPr/>
          <p:nvPr userDrawn="1"/>
        </p:nvSpPr>
        <p:spPr>
          <a:xfrm>
            <a:off x="2001182" y="924535"/>
            <a:ext cx="5269720" cy="949686"/>
          </a:xfrm>
          <a:custGeom>
            <a:avLst/>
            <a:gdLst/>
            <a:ahLst/>
            <a:cxnLst/>
            <a:rect l="l" t="t" r="r" b="b"/>
            <a:pathLst>
              <a:path w="5269720" h="949686">
                <a:moveTo>
                  <a:pt x="1684072" y="498006"/>
                </a:moveTo>
                <a:cubicBezTo>
                  <a:pt x="1664287" y="506210"/>
                  <a:pt x="1637746" y="512965"/>
                  <a:pt x="1604449" y="518274"/>
                </a:cubicBezTo>
                <a:cubicBezTo>
                  <a:pt x="1582010" y="521893"/>
                  <a:pt x="1565301" y="528709"/>
                  <a:pt x="1554322" y="538722"/>
                </a:cubicBezTo>
                <a:cubicBezTo>
                  <a:pt x="1543344" y="548736"/>
                  <a:pt x="1537855" y="561222"/>
                  <a:pt x="1537855" y="576181"/>
                </a:cubicBezTo>
                <a:cubicBezTo>
                  <a:pt x="1537855" y="591382"/>
                  <a:pt x="1543163" y="603145"/>
                  <a:pt x="1553780" y="611469"/>
                </a:cubicBezTo>
                <a:cubicBezTo>
                  <a:pt x="1564396" y="619793"/>
                  <a:pt x="1578390" y="623955"/>
                  <a:pt x="1595763" y="623955"/>
                </a:cubicBezTo>
                <a:cubicBezTo>
                  <a:pt x="1611205" y="623955"/>
                  <a:pt x="1625682" y="620758"/>
                  <a:pt x="1639193" y="614364"/>
                </a:cubicBezTo>
                <a:cubicBezTo>
                  <a:pt x="1652705" y="607970"/>
                  <a:pt x="1663563" y="598741"/>
                  <a:pt x="1671766" y="586677"/>
                </a:cubicBezTo>
                <a:cubicBezTo>
                  <a:pt x="1679970" y="574613"/>
                  <a:pt x="1684072" y="560498"/>
                  <a:pt x="1684072" y="544332"/>
                </a:cubicBezTo>
                <a:close/>
                <a:moveTo>
                  <a:pt x="4340559" y="322835"/>
                </a:moveTo>
                <a:cubicBezTo>
                  <a:pt x="4322946" y="322835"/>
                  <a:pt x="4307685" y="328445"/>
                  <a:pt x="4294776" y="339665"/>
                </a:cubicBezTo>
                <a:cubicBezTo>
                  <a:pt x="4281867" y="350884"/>
                  <a:pt x="4272035" y="367050"/>
                  <a:pt x="4265279" y="388162"/>
                </a:cubicBezTo>
                <a:cubicBezTo>
                  <a:pt x="4258523" y="409274"/>
                  <a:pt x="4255145" y="434308"/>
                  <a:pt x="4255145" y="463261"/>
                </a:cubicBezTo>
                <a:cubicBezTo>
                  <a:pt x="4255145" y="492215"/>
                  <a:pt x="4258523" y="517248"/>
                  <a:pt x="4265279" y="538360"/>
                </a:cubicBezTo>
                <a:cubicBezTo>
                  <a:pt x="4272035" y="559473"/>
                  <a:pt x="4281867" y="575638"/>
                  <a:pt x="4294776" y="586858"/>
                </a:cubicBezTo>
                <a:cubicBezTo>
                  <a:pt x="4307685" y="598078"/>
                  <a:pt x="4322946" y="603687"/>
                  <a:pt x="4340559" y="603687"/>
                </a:cubicBezTo>
                <a:cubicBezTo>
                  <a:pt x="4357449" y="603687"/>
                  <a:pt x="4372046" y="598017"/>
                  <a:pt x="4384352" y="586677"/>
                </a:cubicBezTo>
                <a:cubicBezTo>
                  <a:pt x="4396657" y="575337"/>
                  <a:pt x="4406188" y="559111"/>
                  <a:pt x="4412944" y="537998"/>
                </a:cubicBezTo>
                <a:cubicBezTo>
                  <a:pt x="4419700" y="516886"/>
                  <a:pt x="4423078" y="491974"/>
                  <a:pt x="4423078" y="463261"/>
                </a:cubicBezTo>
                <a:cubicBezTo>
                  <a:pt x="4423078" y="434549"/>
                  <a:pt x="4419700" y="409636"/>
                  <a:pt x="4412944" y="388524"/>
                </a:cubicBezTo>
                <a:cubicBezTo>
                  <a:pt x="4406188" y="367412"/>
                  <a:pt x="4396657" y="351186"/>
                  <a:pt x="4384352" y="339846"/>
                </a:cubicBezTo>
                <a:cubicBezTo>
                  <a:pt x="4372046" y="328505"/>
                  <a:pt x="4357449" y="322835"/>
                  <a:pt x="4340559" y="322835"/>
                </a:cubicBezTo>
                <a:close/>
                <a:moveTo>
                  <a:pt x="4709464" y="185305"/>
                </a:moveTo>
                <a:lnTo>
                  <a:pt x="4909245" y="185305"/>
                </a:lnTo>
                <a:lnTo>
                  <a:pt x="4909245" y="498006"/>
                </a:lnTo>
                <a:cubicBezTo>
                  <a:pt x="4909486" y="525753"/>
                  <a:pt x="4916544" y="547408"/>
                  <a:pt x="4930418" y="562971"/>
                </a:cubicBezTo>
                <a:cubicBezTo>
                  <a:pt x="4944291" y="578534"/>
                  <a:pt x="4963774" y="586315"/>
                  <a:pt x="4988868" y="586315"/>
                </a:cubicBezTo>
                <a:cubicBezTo>
                  <a:pt x="5013720" y="586315"/>
                  <a:pt x="5033505" y="578413"/>
                  <a:pt x="5048223" y="562609"/>
                </a:cubicBezTo>
                <a:cubicBezTo>
                  <a:pt x="5062942" y="546805"/>
                  <a:pt x="5070180" y="525271"/>
                  <a:pt x="5069939" y="498006"/>
                </a:cubicBezTo>
                <a:lnTo>
                  <a:pt x="5069939" y="185305"/>
                </a:lnTo>
                <a:lnTo>
                  <a:pt x="5269720" y="185305"/>
                </a:lnTo>
                <a:lnTo>
                  <a:pt x="5269720" y="741218"/>
                </a:lnTo>
                <a:lnTo>
                  <a:pt x="5080073" y="741218"/>
                </a:lnTo>
                <a:lnTo>
                  <a:pt x="5080073" y="635537"/>
                </a:lnTo>
                <a:lnTo>
                  <a:pt x="5074282" y="635537"/>
                </a:lnTo>
                <a:cubicBezTo>
                  <a:pt x="5062218" y="671005"/>
                  <a:pt x="5041106" y="698692"/>
                  <a:pt x="5010945" y="718598"/>
                </a:cubicBezTo>
                <a:cubicBezTo>
                  <a:pt x="4980785" y="738504"/>
                  <a:pt x="4944955" y="748457"/>
                  <a:pt x="4903454" y="748457"/>
                </a:cubicBezTo>
                <a:cubicBezTo>
                  <a:pt x="4865090" y="748457"/>
                  <a:pt x="4831251" y="739589"/>
                  <a:pt x="4801935" y="721855"/>
                </a:cubicBezTo>
                <a:cubicBezTo>
                  <a:pt x="4772619" y="704121"/>
                  <a:pt x="4749878" y="679450"/>
                  <a:pt x="4733712" y="647842"/>
                </a:cubicBezTo>
                <a:cubicBezTo>
                  <a:pt x="4717546" y="616234"/>
                  <a:pt x="4709464" y="580283"/>
                  <a:pt x="4709464" y="539989"/>
                </a:cubicBezTo>
                <a:close/>
                <a:moveTo>
                  <a:pt x="3407285" y="185305"/>
                </a:moveTo>
                <a:lnTo>
                  <a:pt x="3615753" y="185305"/>
                </a:lnTo>
                <a:lnTo>
                  <a:pt x="3705509" y="570391"/>
                </a:lnTo>
                <a:lnTo>
                  <a:pt x="3711300" y="570391"/>
                </a:lnTo>
                <a:lnTo>
                  <a:pt x="3802505" y="185305"/>
                </a:lnTo>
                <a:lnTo>
                  <a:pt x="4012420" y="185305"/>
                </a:lnTo>
                <a:lnTo>
                  <a:pt x="3809743" y="787544"/>
                </a:lnTo>
                <a:cubicBezTo>
                  <a:pt x="3792853" y="837972"/>
                  <a:pt x="3765709" y="877603"/>
                  <a:pt x="3728311" y="906436"/>
                </a:cubicBezTo>
                <a:cubicBezTo>
                  <a:pt x="3690912" y="935269"/>
                  <a:pt x="3639398" y="949686"/>
                  <a:pt x="3573769" y="949686"/>
                </a:cubicBezTo>
                <a:cubicBezTo>
                  <a:pt x="3550848" y="949686"/>
                  <a:pt x="3529012" y="947997"/>
                  <a:pt x="3508261" y="944619"/>
                </a:cubicBezTo>
                <a:cubicBezTo>
                  <a:pt x="3487511" y="941241"/>
                  <a:pt x="3469294" y="936415"/>
                  <a:pt x="3453611" y="930142"/>
                </a:cubicBezTo>
                <a:lnTo>
                  <a:pt x="3497042" y="788268"/>
                </a:lnTo>
                <a:cubicBezTo>
                  <a:pt x="3520446" y="796472"/>
                  <a:pt x="3539628" y="800574"/>
                  <a:pt x="3554588" y="800574"/>
                </a:cubicBezTo>
                <a:cubicBezTo>
                  <a:pt x="3576544" y="800574"/>
                  <a:pt x="3591142" y="792370"/>
                  <a:pt x="3598380" y="775963"/>
                </a:cubicBezTo>
                <a:lnTo>
                  <a:pt x="3602723" y="765829"/>
                </a:lnTo>
                <a:close/>
                <a:moveTo>
                  <a:pt x="4339111" y="178066"/>
                </a:moveTo>
                <a:cubicBezTo>
                  <a:pt x="4398467" y="178066"/>
                  <a:pt x="4449860" y="190009"/>
                  <a:pt x="4493291" y="213896"/>
                </a:cubicBezTo>
                <a:cubicBezTo>
                  <a:pt x="4536721" y="237783"/>
                  <a:pt x="4569898" y="271321"/>
                  <a:pt x="4592819" y="314511"/>
                </a:cubicBezTo>
                <a:cubicBezTo>
                  <a:pt x="4615741" y="357701"/>
                  <a:pt x="4627202" y="407766"/>
                  <a:pt x="4627202" y="464709"/>
                </a:cubicBezTo>
                <a:cubicBezTo>
                  <a:pt x="4627202" y="521652"/>
                  <a:pt x="4615741" y="571718"/>
                  <a:pt x="4592819" y="614907"/>
                </a:cubicBezTo>
                <a:cubicBezTo>
                  <a:pt x="4569898" y="658097"/>
                  <a:pt x="4536721" y="691635"/>
                  <a:pt x="4493291" y="715522"/>
                </a:cubicBezTo>
                <a:cubicBezTo>
                  <a:pt x="4449860" y="739409"/>
                  <a:pt x="4398467" y="751352"/>
                  <a:pt x="4339111" y="751352"/>
                </a:cubicBezTo>
                <a:cubicBezTo>
                  <a:pt x="4279756" y="751352"/>
                  <a:pt x="4228363" y="739409"/>
                  <a:pt x="4184932" y="715522"/>
                </a:cubicBezTo>
                <a:cubicBezTo>
                  <a:pt x="4141502" y="691635"/>
                  <a:pt x="4108325" y="658097"/>
                  <a:pt x="4085403" y="614907"/>
                </a:cubicBezTo>
                <a:cubicBezTo>
                  <a:pt x="4062482" y="571718"/>
                  <a:pt x="4051021" y="521652"/>
                  <a:pt x="4051021" y="464709"/>
                </a:cubicBezTo>
                <a:cubicBezTo>
                  <a:pt x="4051021" y="407766"/>
                  <a:pt x="4062482" y="357701"/>
                  <a:pt x="4085403" y="314511"/>
                </a:cubicBezTo>
                <a:cubicBezTo>
                  <a:pt x="4108325" y="271321"/>
                  <a:pt x="4141502" y="237783"/>
                  <a:pt x="4184932" y="213896"/>
                </a:cubicBezTo>
                <a:cubicBezTo>
                  <a:pt x="4228363" y="190009"/>
                  <a:pt x="4279756" y="178066"/>
                  <a:pt x="4339111" y="178066"/>
                </a:cubicBezTo>
                <a:close/>
                <a:moveTo>
                  <a:pt x="2342054" y="178066"/>
                </a:moveTo>
                <a:cubicBezTo>
                  <a:pt x="2380659" y="178066"/>
                  <a:pt x="2414680" y="186993"/>
                  <a:pt x="2444117" y="204848"/>
                </a:cubicBezTo>
                <a:cubicBezTo>
                  <a:pt x="2473553" y="222703"/>
                  <a:pt x="2496233" y="247435"/>
                  <a:pt x="2512158" y="279043"/>
                </a:cubicBezTo>
                <a:cubicBezTo>
                  <a:pt x="2528083" y="310651"/>
                  <a:pt x="2536045" y="346481"/>
                  <a:pt x="2536045" y="386534"/>
                </a:cubicBezTo>
                <a:lnTo>
                  <a:pt x="2536045" y="741218"/>
                </a:lnTo>
                <a:lnTo>
                  <a:pt x="2336264" y="741218"/>
                </a:lnTo>
                <a:lnTo>
                  <a:pt x="2336264" y="428517"/>
                </a:lnTo>
                <a:cubicBezTo>
                  <a:pt x="2336505" y="401011"/>
                  <a:pt x="2329568" y="379416"/>
                  <a:pt x="2315453" y="363733"/>
                </a:cubicBezTo>
                <a:cubicBezTo>
                  <a:pt x="2301338" y="348049"/>
                  <a:pt x="2281734" y="340208"/>
                  <a:pt x="2256641" y="340208"/>
                </a:cubicBezTo>
                <a:cubicBezTo>
                  <a:pt x="2231789" y="340208"/>
                  <a:pt x="2212124" y="348049"/>
                  <a:pt x="2197647" y="363733"/>
                </a:cubicBezTo>
                <a:cubicBezTo>
                  <a:pt x="2183170" y="379416"/>
                  <a:pt x="2175811" y="401011"/>
                  <a:pt x="2175570" y="428517"/>
                </a:cubicBezTo>
                <a:lnTo>
                  <a:pt x="2175570" y="741218"/>
                </a:lnTo>
                <a:lnTo>
                  <a:pt x="1975788" y="741218"/>
                </a:lnTo>
                <a:lnTo>
                  <a:pt x="1975788" y="185305"/>
                </a:lnTo>
                <a:lnTo>
                  <a:pt x="2165436" y="185305"/>
                </a:lnTo>
                <a:lnTo>
                  <a:pt x="2165436" y="290986"/>
                </a:lnTo>
                <a:lnTo>
                  <a:pt x="2171227" y="290986"/>
                </a:lnTo>
                <a:cubicBezTo>
                  <a:pt x="2179189" y="267823"/>
                  <a:pt x="2191434" y="247736"/>
                  <a:pt x="2207962" y="230726"/>
                </a:cubicBezTo>
                <a:cubicBezTo>
                  <a:pt x="2224490" y="213715"/>
                  <a:pt x="2244214" y="200686"/>
                  <a:pt x="2267136" y="191638"/>
                </a:cubicBezTo>
                <a:cubicBezTo>
                  <a:pt x="2290058" y="182590"/>
                  <a:pt x="2315031" y="178066"/>
                  <a:pt x="2342054" y="178066"/>
                </a:cubicBezTo>
                <a:close/>
                <a:moveTo>
                  <a:pt x="1626164" y="178066"/>
                </a:moveTo>
                <a:cubicBezTo>
                  <a:pt x="1677799" y="178066"/>
                  <a:pt x="1723039" y="186028"/>
                  <a:pt x="1761885" y="201953"/>
                </a:cubicBezTo>
                <a:cubicBezTo>
                  <a:pt x="1800732" y="217878"/>
                  <a:pt x="1830530" y="239714"/>
                  <a:pt x="1851280" y="267461"/>
                </a:cubicBezTo>
                <a:cubicBezTo>
                  <a:pt x="1872030" y="295208"/>
                  <a:pt x="1882406" y="326213"/>
                  <a:pt x="1882406" y="360475"/>
                </a:cubicBezTo>
                <a:lnTo>
                  <a:pt x="1882406" y="741218"/>
                </a:lnTo>
                <a:lnTo>
                  <a:pt x="1695653" y="741218"/>
                </a:lnTo>
                <a:lnTo>
                  <a:pt x="1695653" y="663043"/>
                </a:lnTo>
                <a:lnTo>
                  <a:pt x="1691310" y="663043"/>
                </a:lnTo>
                <a:cubicBezTo>
                  <a:pt x="1674903" y="693203"/>
                  <a:pt x="1653369" y="715220"/>
                  <a:pt x="1626707" y="729094"/>
                </a:cubicBezTo>
                <a:cubicBezTo>
                  <a:pt x="1600045" y="742967"/>
                  <a:pt x="1568015" y="749904"/>
                  <a:pt x="1530617" y="749904"/>
                </a:cubicBezTo>
                <a:cubicBezTo>
                  <a:pt x="1494424" y="749904"/>
                  <a:pt x="1462756" y="743993"/>
                  <a:pt x="1435612" y="732170"/>
                </a:cubicBezTo>
                <a:cubicBezTo>
                  <a:pt x="1408468" y="720347"/>
                  <a:pt x="1387355" y="702311"/>
                  <a:pt x="1372275" y="678063"/>
                </a:cubicBezTo>
                <a:cubicBezTo>
                  <a:pt x="1357195" y="653814"/>
                  <a:pt x="1349655" y="623714"/>
                  <a:pt x="1349655" y="587763"/>
                </a:cubicBezTo>
                <a:cubicBezTo>
                  <a:pt x="1349655" y="530338"/>
                  <a:pt x="1368053" y="487691"/>
                  <a:pt x="1404848" y="459823"/>
                </a:cubicBezTo>
                <a:cubicBezTo>
                  <a:pt x="1441644" y="431955"/>
                  <a:pt x="1491288" y="415729"/>
                  <a:pt x="1553780" y="411144"/>
                </a:cubicBezTo>
                <a:cubicBezTo>
                  <a:pt x="1586353" y="408732"/>
                  <a:pt x="1611747" y="405776"/>
                  <a:pt x="1629964" y="402277"/>
                </a:cubicBezTo>
                <a:cubicBezTo>
                  <a:pt x="1648181" y="398779"/>
                  <a:pt x="1661512" y="393832"/>
                  <a:pt x="1669957" y="387438"/>
                </a:cubicBezTo>
                <a:cubicBezTo>
                  <a:pt x="1678402" y="381045"/>
                  <a:pt x="1682624" y="372539"/>
                  <a:pt x="1682624" y="361923"/>
                </a:cubicBezTo>
                <a:lnTo>
                  <a:pt x="1682624" y="360475"/>
                </a:lnTo>
                <a:cubicBezTo>
                  <a:pt x="1682624" y="346240"/>
                  <a:pt x="1677195" y="335201"/>
                  <a:pt x="1666338" y="327359"/>
                </a:cubicBezTo>
                <a:cubicBezTo>
                  <a:pt x="1655480" y="319518"/>
                  <a:pt x="1641124" y="315597"/>
                  <a:pt x="1623269" y="315597"/>
                </a:cubicBezTo>
                <a:cubicBezTo>
                  <a:pt x="1603725" y="315597"/>
                  <a:pt x="1588102" y="319819"/>
                  <a:pt x="1576400" y="328264"/>
                </a:cubicBezTo>
                <a:cubicBezTo>
                  <a:pt x="1564697" y="336709"/>
                  <a:pt x="1557640" y="349376"/>
                  <a:pt x="1555227" y="366266"/>
                </a:cubicBezTo>
                <a:lnTo>
                  <a:pt x="1371370" y="366266"/>
                </a:lnTo>
                <a:cubicBezTo>
                  <a:pt x="1373783" y="331280"/>
                  <a:pt x="1384822" y="299552"/>
                  <a:pt x="1404486" y="271080"/>
                </a:cubicBezTo>
                <a:cubicBezTo>
                  <a:pt x="1424151" y="242609"/>
                  <a:pt x="1452682" y="219989"/>
                  <a:pt x="1490081" y="203220"/>
                </a:cubicBezTo>
                <a:cubicBezTo>
                  <a:pt x="1527480" y="186451"/>
                  <a:pt x="1572841" y="178066"/>
                  <a:pt x="1626164" y="178066"/>
                </a:cubicBezTo>
                <a:close/>
                <a:moveTo>
                  <a:pt x="2633013" y="0"/>
                </a:moveTo>
                <a:lnTo>
                  <a:pt x="2832795" y="0"/>
                </a:lnTo>
                <a:lnTo>
                  <a:pt x="2832795" y="372057"/>
                </a:lnTo>
                <a:lnTo>
                  <a:pt x="2840033" y="372057"/>
                </a:lnTo>
                <a:lnTo>
                  <a:pt x="2974669" y="185305"/>
                </a:lnTo>
                <a:lnTo>
                  <a:pt x="3199061" y="185305"/>
                </a:lnTo>
                <a:lnTo>
                  <a:pt x="3010137" y="428879"/>
                </a:lnTo>
                <a:lnTo>
                  <a:pt x="3204851" y="741218"/>
                </a:lnTo>
                <a:lnTo>
                  <a:pt x="2976116" y="741218"/>
                </a:lnTo>
                <a:lnTo>
                  <a:pt x="2862834" y="545418"/>
                </a:lnTo>
                <a:lnTo>
                  <a:pt x="2832795" y="583420"/>
                </a:lnTo>
                <a:lnTo>
                  <a:pt x="2832795" y="741218"/>
                </a:lnTo>
                <a:lnTo>
                  <a:pt x="2633013" y="741218"/>
                </a:lnTo>
                <a:close/>
                <a:moveTo>
                  <a:pt x="718488" y="0"/>
                </a:moveTo>
                <a:lnTo>
                  <a:pt x="911031" y="0"/>
                </a:lnTo>
                <a:lnTo>
                  <a:pt x="911031" y="290986"/>
                </a:lnTo>
                <a:lnTo>
                  <a:pt x="916822" y="290986"/>
                </a:lnTo>
                <a:cubicBezTo>
                  <a:pt x="929369" y="255276"/>
                  <a:pt x="950300" y="227529"/>
                  <a:pt x="979616" y="207744"/>
                </a:cubicBezTo>
                <a:cubicBezTo>
                  <a:pt x="1008932" y="187959"/>
                  <a:pt x="1043978" y="178066"/>
                  <a:pt x="1084754" y="178066"/>
                </a:cubicBezTo>
                <a:cubicBezTo>
                  <a:pt x="1123360" y="178066"/>
                  <a:pt x="1157380" y="186933"/>
                  <a:pt x="1186817" y="204667"/>
                </a:cubicBezTo>
                <a:cubicBezTo>
                  <a:pt x="1216253" y="222402"/>
                  <a:pt x="1238934" y="247073"/>
                  <a:pt x="1254858" y="278681"/>
                </a:cubicBezTo>
                <a:cubicBezTo>
                  <a:pt x="1270783" y="310289"/>
                  <a:pt x="1278745" y="346240"/>
                  <a:pt x="1278745" y="386534"/>
                </a:cubicBezTo>
                <a:lnTo>
                  <a:pt x="1278745" y="741218"/>
                </a:lnTo>
                <a:lnTo>
                  <a:pt x="1078964" y="741218"/>
                </a:lnTo>
                <a:lnTo>
                  <a:pt x="1078964" y="428517"/>
                </a:lnTo>
                <a:cubicBezTo>
                  <a:pt x="1079205" y="400769"/>
                  <a:pt x="1072329" y="379114"/>
                  <a:pt x="1058334" y="363552"/>
                </a:cubicBezTo>
                <a:cubicBezTo>
                  <a:pt x="1044340" y="347989"/>
                  <a:pt x="1024675" y="340208"/>
                  <a:pt x="999341" y="340208"/>
                </a:cubicBezTo>
                <a:cubicBezTo>
                  <a:pt x="974730" y="340208"/>
                  <a:pt x="955126" y="348110"/>
                  <a:pt x="940528" y="363913"/>
                </a:cubicBezTo>
                <a:cubicBezTo>
                  <a:pt x="925931" y="379717"/>
                  <a:pt x="918511" y="401252"/>
                  <a:pt x="918270" y="428517"/>
                </a:cubicBezTo>
                <a:lnTo>
                  <a:pt x="918270" y="741218"/>
                </a:lnTo>
                <a:lnTo>
                  <a:pt x="718488" y="741218"/>
                </a:lnTo>
                <a:close/>
                <a:moveTo>
                  <a:pt x="0" y="0"/>
                </a:moveTo>
                <a:lnTo>
                  <a:pt x="644223" y="0"/>
                </a:lnTo>
                <a:lnTo>
                  <a:pt x="644223" y="162141"/>
                </a:lnTo>
                <a:lnTo>
                  <a:pt x="421279" y="162141"/>
                </a:lnTo>
                <a:lnTo>
                  <a:pt x="421279" y="741218"/>
                </a:lnTo>
                <a:lnTo>
                  <a:pt x="222945" y="741218"/>
                </a:lnTo>
                <a:lnTo>
                  <a:pt x="222945" y="162141"/>
                </a:lnTo>
                <a:lnTo>
                  <a:pt x="0" y="162141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noProof="0" dirty="0" err="1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F60423B-0833-413C-8670-D2F1D86B4D98}"/>
              </a:ext>
            </a:extLst>
          </p:cNvPr>
          <p:cNvSpPr txBox="1"/>
          <p:nvPr userDrawn="1"/>
        </p:nvSpPr>
        <p:spPr>
          <a:xfrm>
            <a:off x="7350780" y="1474967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8000" dirty="0">
              <a:solidFill>
                <a:schemeClr val="accent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368844621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0648719"/>
      </p:ext>
    </p:extLst>
  </p:cSld>
  <p:clrMapOvr>
    <a:masterClrMapping/>
  </p:clrMapOvr>
</p:sldLayout>
</file>

<file path=ppt/slideLayouts/slideLayout2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yellow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92771DE-7B31-480C-9091-703575BD6824}"/>
              </a:ext>
            </a:extLst>
          </p:cNvPr>
          <p:cNvSpPr/>
          <p:nvPr userDrawn="1"/>
        </p:nvSpPr>
        <p:spPr>
          <a:xfrm rot="5400000" flipV="1">
            <a:off x="-2068401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</p:spTree>
    <p:extLst>
      <p:ext uri="{BB962C8B-B14F-4D97-AF65-F5344CB8AC3E}">
        <p14:creationId xmlns:p14="http://schemas.microsoft.com/office/powerpoint/2010/main" val="2226374749"/>
      </p:ext>
    </p:extLst>
  </p:cSld>
  <p:clrMapOvr>
    <a:masterClrMapping/>
  </p:clrMapOvr>
</p:sldLayout>
</file>

<file path=ppt/slideLayouts/slideLayout2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97982446"/>
      </p:ext>
    </p:extLst>
  </p:cSld>
  <p:clrMapOvr>
    <a:masterClrMapping/>
  </p:clrMapOvr>
</p:sldLayout>
</file>

<file path=ppt/slideLayouts/slideLayout24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8E191F-9315-439E-B3E1-E244B439CE9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421B79-34B3-49E9-88AB-D05336546B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5FA46-FFD0-4832-8708-FF45CE149A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0919677"/>
      </p:ext>
    </p:extLst>
  </p:cSld>
  <p:clrMapOvr>
    <a:masterClrMapping/>
  </p:clrMapOvr>
</p:sldLayout>
</file>

<file path=ppt/slideLayouts/slideLayout24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Dstny Body" panose="02000603000000020004" pitchFamily="2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1227" y="1733517"/>
            <a:ext cx="2916000" cy="346248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lete bullet for regular text. 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sz="1600" dirty="0">
                <a:latin typeface="+mn-lt"/>
                <a:cs typeface="Dstny Body" panose="02000603000000020004" pitchFamily="2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Layout </a:t>
            </a: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to view a dropdown menu of possible slide layouts</a:t>
            </a:r>
            <a:endParaRPr lang="en-GB" sz="900" dirty="0">
              <a:latin typeface="+mn-lt"/>
              <a:ea typeface="Dstny Body" panose="02000603000000020004" pitchFamily="2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62260" y="1742868"/>
            <a:ext cx="2936481" cy="344709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menu to reset position, size and formatting of the slide placeholders to their default settings</a:t>
            </a:r>
            <a:endParaRPr lang="en-GB" altLang="da-DK" sz="900" baseline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PICTURES</a:t>
            </a:r>
            <a:endParaRPr lang="en-GB" sz="16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browse for picture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74443" y="1733517"/>
            <a:ext cx="2936482" cy="41395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HEADER &amp; FOOT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Dstny Body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+ option + ctrl + G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10501896-43DD-469D-A55E-AA24E780130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99609" y="3500899"/>
            <a:ext cx="257143" cy="28571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99609" y="5003956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22597" y="315575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99609" y="4178576"/>
            <a:ext cx="328881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95011" y="2259973"/>
            <a:ext cx="538465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298741" y="3887427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70780" y="2271263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9609" y="2809191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188481209"/>
      </p:ext>
    </p:extLst>
  </p:cSld>
  <p:clrMapOvr>
    <a:masterClrMapping/>
  </p:clrMapOvr>
</p:sldLayout>
</file>

<file path=ppt/slideLayouts/slideLayout24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assific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algn="l"/>
            <a:r>
              <a:rPr lang="en-GB" sz="3200" kern="1200" cap="all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lassification Levels Policy </a:t>
            </a:r>
          </a:p>
        </p:txBody>
      </p:sp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8F31359-7304-45D0-84E0-C8364FD2AC19}"/>
              </a:ext>
            </a:extLst>
          </p:cNvPr>
          <p:cNvSpPr txBox="1"/>
          <p:nvPr userDrawn="1"/>
        </p:nvSpPr>
        <p:spPr>
          <a:xfrm>
            <a:off x="431800" y="1724025"/>
            <a:ext cx="8517991" cy="41549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Public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can be made public and whose disclosure is not prejudicial to the interests of Dstny, including its staff and stakeholders in its activities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Restricted</a:t>
            </a:r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:</a:t>
            </a:r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 </a:t>
            </a:r>
            <a:r>
              <a:rPr lang="en-GB" sz="1800" b="1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Any information accessible by Dstny staff and disseminated to outsiders on a need-to-know basis under the responsibility of an authorised Dstny worker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onfidential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communicated to identified data subjects and whose unwanted disclosure could have significant consequences for Dstny 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Secret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disclosed to identified and mutually identifiable data subjects, and whose unwanted disclosure could have critical consequences for Dstny </a:t>
            </a:r>
            <a:endParaRPr lang="en-GB" sz="1800" dirty="0"/>
          </a:p>
        </p:txBody>
      </p:sp>
    </p:spTree>
    <p:extLst>
      <p:ext uri="{BB962C8B-B14F-4D97-AF65-F5344CB8AC3E}">
        <p14:creationId xmlns:p14="http://schemas.microsoft.com/office/powerpoint/2010/main" val="2925935691"/>
      </p:ext>
    </p:extLst>
  </p:cSld>
  <p:clrMapOvr>
    <a:masterClrMapping/>
  </p:clrMapOvr>
</p:sldLayout>
</file>

<file path=ppt/slideLayouts/slideLayout24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5DC5A1D-614F-45C9-9730-B88794628D07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87107196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A">
    <p:bg>
      <p:bgPr>
        <a:gradFill flip="none" rotWithShape="1">
          <a:gsLst>
            <a:gs pos="25000">
              <a:schemeClr val="accent2"/>
            </a:gs>
            <a:gs pos="100000">
              <a:srgbClr val="FFE655"/>
            </a:gs>
          </a:gsLst>
          <a:lin ang="0" scaled="1"/>
          <a:tileRect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3532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tx1"/>
              </a:solidFill>
            </a:endParaRP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4A421D-40AC-4B3C-B046-B97D2CDEB7D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4217A7-1C84-4022-9AF0-8A02934FBF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626653-B042-4CAD-ABE7-FCC2DB1ACE3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6374343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23D6DE55-12CE-4DCC-AB6C-3C77D2902D28}"/>
              </a:ext>
            </a:extLst>
          </p:cNvPr>
          <p:cNvSpPr/>
          <p:nvPr userDrawn="1"/>
        </p:nvSpPr>
        <p:spPr>
          <a:xfrm>
            <a:off x="3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6" name="Rectangle">
            <a:extLst>
              <a:ext uri="{FF2B5EF4-FFF2-40B4-BE49-F238E27FC236}">
                <a16:creationId xmlns:a16="http://schemas.microsoft.com/office/drawing/2014/main" id="{8937A0AD-FEFD-45EB-B4D0-1E2ED999056C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4" y="3104303"/>
            <a:ext cx="2091980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 b="1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FEED0661-B3F8-4AFA-9CE3-DCAF01813D9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6403951"/>
      </p:ext>
    </p:extLst>
  </p:cSld>
  <p:clrMapOvr>
    <a:masterClrMapping/>
  </p:clrMapOvr>
</p:sldLayout>
</file>

<file path=ppt/slideLayouts/slideLayout2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346214CE-CAE1-433D-A846-FC3342686ED0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 bwMode="white">
          <a:xfrm rot="16200000" flipV="1">
            <a:off x="-1088914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4" y="3104303"/>
            <a:ext cx="2091980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E41BD7EA-C3CC-4195-B396-34D12DCC862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Present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918936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bg>
      <p:bgPr>
        <a:gradFill>
          <a:gsLst>
            <a:gs pos="95000">
              <a:schemeClr val="accent6"/>
            </a:gs>
            <a:gs pos="0">
              <a:schemeClr val="accent1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4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2" y="3104303"/>
            <a:ext cx="2091979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62B4802F-FA45-4EE6-83A6-B60CB36913B4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49205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dark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1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>
                <a:solidFill>
                  <a:schemeClr val="bg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bg1"/>
                </a:solidFill>
              </a:defRPr>
            </a:lvl1pPr>
          </a:lstStyle>
          <a:p>
            <a:fld id="{38BAF498-A710-4AAA-9AF7-1FA5D1B3A456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5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</p:spTree>
    <p:extLst>
      <p:ext uri="{BB962C8B-B14F-4D97-AF65-F5344CB8AC3E}">
        <p14:creationId xmlns:p14="http://schemas.microsoft.com/office/powerpoint/2010/main" val="31334688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light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1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8943978" y="2743202"/>
            <a:ext cx="2505076" cy="124777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5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>
                <a:solidFill>
                  <a:schemeClr val="tx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38BAF498-A710-4AAA-9AF7-1FA5D1B3A456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400554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0535AB10-5016-4BBE-B319-91BC6F875FE6}"/>
              </a:ext>
            </a:extLst>
          </p:cNvPr>
          <p:cNvSpPr/>
          <p:nvPr userDrawn="1"/>
        </p:nvSpPr>
        <p:spPr>
          <a:xfrm>
            <a:off x="3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>
          <a:xfrm rot="5400000" flipV="1">
            <a:off x="439200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6" y="6199199"/>
            <a:ext cx="901604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1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99203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>
                <a:latin typeface="+mn-lt"/>
              </a:defRPr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>
                <a:latin typeface="+mn-lt"/>
              </a:defRPr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>
                <a:latin typeface="+mn-lt"/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6845974"/>
      </p:ext>
    </p:extLst>
  </p:cSld>
  <p:clrMapOvr>
    <a:masterClrMapping/>
  </p:clrMapOvr>
</p:sldLayout>
</file>

<file path=ppt/slideLayouts/slideLayout2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74232FE-6B21-4D3C-8891-6A33800C6D20}"/>
              </a:ext>
            </a:extLst>
          </p:cNvPr>
          <p:cNvSpPr/>
          <p:nvPr userDrawn="1"/>
        </p:nvSpPr>
        <p:spPr>
          <a:xfrm>
            <a:off x="3" y="0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 bwMode="white">
          <a:xfrm rot="5400000" flipV="1">
            <a:off x="439200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1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499203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34679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5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E552D84-A027-418B-B489-16EF46A08E8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1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1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674478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5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1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1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88960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5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E7966683-9609-42DF-8F42-B189A0907425}"/>
              </a:ext>
            </a:extLst>
          </p:cNvPr>
          <p:cNvSpPr/>
          <p:nvPr userDrawn="1"/>
        </p:nvSpPr>
        <p:spPr bwMode="ltGray">
          <a:xfrm>
            <a:off x="3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1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1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339253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12924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194758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6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6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7" name="Espace réservé de la date 6">
            <a:extLst>
              <a:ext uri="{FF2B5EF4-FFF2-40B4-BE49-F238E27FC236}">
                <a16:creationId xmlns:a16="http://schemas.microsoft.com/office/drawing/2014/main" id="{C21F14CA-C818-7E79-15F2-DB6AABD06968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8" name="Espace réservé du pied de page 7">
            <a:extLst>
              <a:ext uri="{FF2B5EF4-FFF2-40B4-BE49-F238E27FC236}">
                <a16:creationId xmlns:a16="http://schemas.microsoft.com/office/drawing/2014/main" id="{F8A219B1-E58C-0AC2-A1A3-35E63C82CE1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CB29BE93-B70C-0FA4-BD29-EE55EC23333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7582436"/>
      </p:ext>
    </p:extLst>
  </p:cSld>
  <p:clrMapOvr>
    <a:masterClrMapping/>
  </p:clrMapOvr>
</p:sldLayout>
</file>

<file path=ppt/slideLayouts/slideLayout2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3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10803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6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29763250"/>
      </p:ext>
    </p:extLst>
  </p:cSld>
  <p:clrMapOvr>
    <a:masterClrMapping/>
  </p:clrMapOvr>
</p:sldLayout>
</file>

<file path=ppt/slideLayouts/slideLayout2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83880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Enter &amp; TAB for next text level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1728000"/>
            <a:ext cx="19584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6"/>
            <a:ext cx="83880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8259381"/>
      </p:ext>
    </p:extLst>
  </p:cSld>
  <p:clrMapOvr>
    <a:masterClrMapping/>
  </p:clrMapOvr>
</p:sldLayout>
</file>

<file path=ppt/slideLayouts/slideLayout2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751749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2"/>
            <a:ext cx="7840800" cy="860025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2160002"/>
            <a:ext cx="78408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Enter &amp; TAB for next text level                        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2160000"/>
            <a:ext cx="1958400" cy="3830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6"/>
            <a:ext cx="78408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74337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414">
          <p15:clr>
            <a:srgbClr val="F26B43"/>
          </p15:clr>
        </p15:guide>
      </p15:sldGuideLst>
    </p:ext>
  </p:extLst>
</p:sldLayout>
</file>

<file path=ppt/slideLayouts/slideLayout2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/>
          <p:nvPr userDrawn="1"/>
        </p:nvSpPr>
        <p:spPr>
          <a:xfrm>
            <a:off x="9154804" y="318416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313205" y="864000"/>
            <a:ext cx="4512551" cy="4536000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/>
          <p:nvPr userDrawn="1"/>
        </p:nvSpPr>
        <p:spPr>
          <a:xfrm>
            <a:off x="9656248" y="1565757"/>
            <a:ext cx="1901371" cy="1901371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91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79488" y="2160000"/>
            <a:ext cx="4899026" cy="3830400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91" y="5991226"/>
            <a:ext cx="48996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97405189"/>
      </p:ext>
    </p:extLst>
  </p:cSld>
  <p:clrMapOvr>
    <a:masterClrMapping/>
  </p:clrMapOvr>
</p:sldLayout>
</file>

<file path=ppt/slideLayouts/slideLayout2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3" y="864000"/>
            <a:ext cx="51732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3531600" y="3364201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4400" y="863999"/>
            <a:ext cx="5172626" cy="86002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584403" y="2160002"/>
            <a:ext cx="51732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584403" y="5991226"/>
            <a:ext cx="51804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A93765-CE2C-40DF-A07F-38F61BBB42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0AE797-4FC1-4511-8181-FEA09BFEF7C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A7B1EA-FFDB-44FE-9A80-5626E53F81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611092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414">
          <p15:clr>
            <a:srgbClr val="F26B43"/>
          </p15:clr>
        </p15:guide>
      </p15:sldGuideLst>
    </p:ext>
  </p:extLst>
</p:sldLayout>
</file>

<file path=ppt/slideLayouts/slideLayout2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3" y="864000"/>
            <a:ext cx="78300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1920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4003" y="1368000"/>
            <a:ext cx="2509200" cy="4168800"/>
          </a:xfrm>
        </p:spPr>
        <p:txBody>
          <a:bodyPr/>
          <a:lstStyle>
            <a:lvl1pPr>
              <a:defRPr sz="28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252000" y="864002"/>
            <a:ext cx="2505600" cy="5126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2000" y="5991226"/>
            <a:ext cx="25056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639369-DFE2-4509-AEB5-C21FB645638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43103C-01F7-4802-B93F-A5AF643FFDE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91A0EBB-DBF9-4086-B365-2D0662B21F1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52658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414">
          <p15:clr>
            <a:srgbClr val="F26B43"/>
          </p15:clr>
        </p15:guide>
      </p15:sldGuideLst>
    </p:ext>
  </p:extLst>
</p:sldLayout>
</file>

<file path=ppt/slideLayouts/slideLayout2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1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7" y="5991225"/>
            <a:ext cx="1097593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5" y="6213916"/>
            <a:ext cx="60069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E07CD6B4-09CD-40D3-BFB2-70EAF73B36C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433000 w 12193200"/>
              <a:gd name="connsiteY148" fmla="*/ 864356 h 6861600"/>
              <a:gd name="connsiteX149" fmla="*/ 433000 w 12193200"/>
              <a:gd name="connsiteY149" fmla="*/ 5990756 h 6861600"/>
              <a:gd name="connsiteX150" fmla="*/ 559000 w 12193200"/>
              <a:gd name="connsiteY150" fmla="*/ 5990756 h 6861600"/>
              <a:gd name="connsiteX151" fmla="*/ 559000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433000" y="864356"/>
                </a:moveTo>
                <a:lnTo>
                  <a:pt x="433000" y="5990756"/>
                </a:lnTo>
                <a:lnTo>
                  <a:pt x="559000" y="5990756"/>
                </a:lnTo>
                <a:lnTo>
                  <a:pt x="559000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90000" y="864000"/>
            <a:ext cx="2930400" cy="5126400"/>
          </a:xfrm>
        </p:spPr>
        <p:txBody>
          <a:bodyPr anchor="t" anchorCtr="0"/>
          <a:lstStyle>
            <a:lvl1pPr algn="l">
              <a:defRPr sz="40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2DA8A14E-DC03-49C9-92CA-121CFBEC32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9799203" y="864000"/>
            <a:ext cx="1954800" cy="5126400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 cap="none" baseline="0">
                <a:solidFill>
                  <a:schemeClr val="bg1"/>
                </a:solidFill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492975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3" y="864000"/>
            <a:ext cx="4892400" cy="51264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3" y="5991226"/>
            <a:ext cx="4892400" cy="138113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144912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602">
          <p15:clr>
            <a:srgbClr val="F26B43"/>
          </p15:clr>
        </p15:guide>
        <p15:guide id="2" orient="horz" pos="4073">
          <p15:clr>
            <a:srgbClr val="F26B43"/>
          </p15:clr>
        </p15:guide>
      </p15:sldGuideLst>
    </p:ext>
  </p:extLst>
</p:sldLayout>
</file>

<file path=ppt/slideLayouts/slideLayout2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A720CB42-81A1-4A6B-977A-543E442C7704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4F0B8F97-F01E-49B6-99DD-0C487D2382B4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4F400C32-FBDE-424B-B4C5-B20E6FA9EC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2" y="6299697"/>
            <a:ext cx="496796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3" y="864000"/>
            <a:ext cx="4892400" cy="51264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9252000" y="864000"/>
            <a:ext cx="2505600" cy="51264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3" y="5991226"/>
            <a:ext cx="4892400" cy="138113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28311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3602">
          <p15:clr>
            <a:srgbClr val="F26B43"/>
          </p15:clr>
        </p15:guide>
        <p15:guide id="2" orient="horz" pos="4073">
          <p15:clr>
            <a:srgbClr val="F26B43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C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20700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792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262251-164F-4D9F-BEE6-DBF9AF1C6B9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FAD54A-EFB6-40DC-A8BF-327E43A08F1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A44297-F69A-4FA2-AD60-0EA38D021B9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0116544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3" y="864000"/>
            <a:ext cx="48924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920403" y="3643200"/>
            <a:ext cx="48924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252000" y="8640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5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3" y="5991226"/>
            <a:ext cx="4892400" cy="138113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85869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602">
          <p15:clr>
            <a:srgbClr val="F26B43"/>
          </p15:clr>
        </p15:guide>
        <p15:guide id="2" orient="horz" pos="4073">
          <p15:clr>
            <a:srgbClr val="F26B43"/>
          </p15:clr>
        </p15:guide>
      </p15:sldGuideLst>
    </p:ext>
  </p:extLst>
</p:sldLayout>
</file>

<file path=ppt/slideLayouts/slideLayout2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FD1B9649-FA38-462A-A772-F439A69356A5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8" name="Logo">
            <a:extLst>
              <a:ext uri="{FF2B5EF4-FFF2-40B4-BE49-F238E27FC236}">
                <a16:creationId xmlns:a16="http://schemas.microsoft.com/office/drawing/2014/main" id="{5A5521B7-1186-4CA9-A8D4-6E07481414C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2" y="6299697"/>
            <a:ext cx="496796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3" y="864000"/>
            <a:ext cx="48924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3920403" y="3643200"/>
            <a:ext cx="48924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 bwMode="white">
          <a:xfrm>
            <a:off x="9252000" y="8640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 bwMode="white">
          <a:xfrm>
            <a:off x="925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3" y="5991226"/>
            <a:ext cx="4892400" cy="138113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964F4D-7160-4DB8-900F-F3B7AB805741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F8B77D-D382-42D8-95C1-0C47695CBD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1259E83-889E-4E1B-BEA6-D8459EDC58F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995884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3602">
          <p15:clr>
            <a:srgbClr val="F26B43"/>
          </p15:clr>
        </p15:guide>
        <p15:guide id="2" orient="horz" pos="4073">
          <p15:clr>
            <a:srgbClr val="F26B43"/>
          </p15:clr>
        </p15:guide>
      </p15:sldGuideLst>
    </p:ext>
  </p:extLst>
</p:sldLayout>
</file>

<file path=ppt/slideLayouts/slideLayout2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7" y="5991225"/>
            <a:ext cx="1097593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5" y="6213916"/>
            <a:ext cx="60069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3" y="864000"/>
            <a:ext cx="5036400" cy="5126400"/>
          </a:xfrm>
        </p:spPr>
        <p:txBody>
          <a:bodyPr anchor="t" anchorCtr="0"/>
          <a:lstStyle>
            <a:lvl1pPr algn="l">
              <a:defRPr sz="60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3287723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7" y="5991225"/>
            <a:ext cx="1097593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5" y="6213916"/>
            <a:ext cx="60069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0" bIns="576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505600" cy="1915200"/>
          </a:xfrm>
        </p:spPr>
        <p:txBody>
          <a:bodyPr anchor="t" anchorCtr="0"/>
          <a:lstStyle>
            <a:lvl1pPr algn="l">
              <a:defRPr sz="24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5B12D-AFCA-4C69-8772-3103D984CD9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D37CD5E9-4514-4A77-9781-C0FC80437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33732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F023000C-62EC-4AE1-9428-2B6EA4DF5F7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3108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FE03E1E-7BBA-4981-A199-083F8DE64A6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74302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A">
    <p:bg>
      <p:bgPr>
        <a:gradFill flip="none" rotWithShape="1">
          <a:gsLst>
            <a:gs pos="25000">
              <a:schemeClr val="accent2"/>
            </a:gs>
            <a:gs pos="100000">
              <a:srgbClr val="FFE655"/>
            </a:gs>
          </a:gsLst>
          <a:lin ang="0" scaled="1"/>
          <a:tileRect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3532800" y="3366001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>
              <a:solidFill>
                <a:schemeClr val="tx1"/>
              </a:solidFill>
            </a:endParaRP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3" y="864000"/>
            <a:ext cx="5036400" cy="5126400"/>
          </a:xfrm>
        </p:spPr>
        <p:txBody>
          <a:bodyPr anchor="t" anchorCtr="0"/>
          <a:lstStyle>
            <a:lvl1pPr algn="l">
              <a:defRPr sz="60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4A421D-40AC-4B3C-B046-B97D2CDEB7D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4217A7-1C84-4022-9AF0-8A02934FBF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626653-B042-4CAD-ABE7-FCC2DB1ACE3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112159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1292400" y="3366001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3" y="864000"/>
            <a:ext cx="2941200" cy="5126400"/>
          </a:xfrm>
        </p:spPr>
        <p:txBody>
          <a:bodyPr anchor="t" anchorCtr="0"/>
          <a:lstStyle>
            <a:lvl1pPr algn="l">
              <a:defRPr sz="40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604466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C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2070000" y="3366001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79203" y="864000"/>
            <a:ext cx="2941200" cy="5126400"/>
          </a:xfrm>
        </p:spPr>
        <p:txBody>
          <a:bodyPr anchor="t" anchorCtr="0"/>
          <a:lstStyle>
            <a:lvl1pPr algn="l">
              <a:defRPr sz="40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262251-164F-4D9F-BEE6-DBF9AF1C6B9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FAD54A-EFB6-40DC-A8BF-327E43A08F1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A44297-F69A-4FA2-AD60-0EA38D021B9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4044605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46A2CB-4C6C-4AC8-9450-CD3828AF787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033004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2" y="864000"/>
            <a:ext cx="5148000" cy="5122800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A2F42676-7691-4BBA-B454-CF007CCADCB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609596" y="864002"/>
            <a:ext cx="5148000" cy="5122799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4FBCBC-1785-4DFB-84A8-04367CD12684}"/>
              </a:ext>
            </a:extLst>
          </p:cNvPr>
          <p:cNvSpPr>
            <a:spLocks noGrp="1"/>
          </p:cNvSpPr>
          <p:nvPr>
            <p:ph type="dt" sz="half" idx="2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2F9B70-FCB9-43D9-9F30-EE12E6A1D4A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ACFBE7-785A-4311-8356-55947434B49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967989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B">
    <p:bg>
      <p:bgPr>
        <a:gradFill>
          <a:gsLst>
            <a:gs pos="0">
              <a:schemeClr val="accent1"/>
            </a:gs>
            <a:gs pos="95000">
              <a:srgbClr val="0066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63DA7E30-9A41-4C82-A7CB-D8A1E3912EAA}"/>
              </a:ext>
            </a:extLst>
          </p:cNvPr>
          <p:cNvSpPr/>
          <p:nvPr userDrawn="1"/>
        </p:nvSpPr>
        <p:spPr>
          <a:xfrm>
            <a:off x="3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9" name="Text Placeholder 16">
            <a:extLst>
              <a:ext uri="{FF2B5EF4-FFF2-40B4-BE49-F238E27FC236}">
                <a16:creationId xmlns:a16="http://schemas.microsoft.com/office/drawing/2014/main" id="{AF04E0B3-14B7-4D62-87B4-0112A485F8C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417638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70457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       Enter &amp; TAB for next text level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423479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7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3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034A43F0-B693-4A6A-922F-5584D05D23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0653126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DE7121FB-1BE2-4733-A7DE-83DABC7A11B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2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31338155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46A2CB-4C6C-4AC8-9450-CD3828AF787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033000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148000" cy="5122800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A2F42676-7691-4BBA-B454-CF007CCADCB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609597" y="864000"/>
            <a:ext cx="5148000" cy="5122799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4FBCBC-1785-4DFB-84A8-04367CD12684}"/>
              </a:ext>
            </a:extLst>
          </p:cNvPr>
          <p:cNvSpPr>
            <a:spLocks noGrp="1"/>
          </p:cNvSpPr>
          <p:nvPr>
            <p:ph type="dt" sz="half" idx="2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2F9B70-FCB9-43D9-9F30-EE12E6A1D4A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ACFBE7-785A-4311-8356-55947434B49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4807355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8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1090800" y="3366001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2003" y="864000"/>
            <a:ext cx="5878800" cy="4262400"/>
          </a:xfrm>
        </p:spPr>
        <p:txBody>
          <a:bodyPr anchor="t" anchorCtr="0"/>
          <a:lstStyle>
            <a:lvl1pPr algn="l">
              <a:defRPr sz="60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62000" y="5137200"/>
            <a:ext cx="5880100" cy="3600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noProof="0" dirty="0"/>
              <a:t>Click to add Nam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5E3943B2-B1DF-42B0-9F1C-B752FFA217D8}"/>
              </a:ext>
            </a:extLst>
          </p:cNvPr>
          <p:cNvSpPr>
            <a:spLocks noChangeAspect="1"/>
          </p:cNvSpPr>
          <p:nvPr userDrawn="1"/>
        </p:nvSpPr>
        <p:spPr bwMode="white">
          <a:xfrm>
            <a:off x="431800" y="864358"/>
            <a:ext cx="565324" cy="432000"/>
          </a:xfrm>
          <a:custGeom>
            <a:avLst/>
            <a:gdLst/>
            <a:ahLst/>
            <a:cxnLst/>
            <a:rect l="l" t="t" r="r" b="b"/>
            <a:pathLst>
              <a:path w="436820" h="333802">
                <a:moveTo>
                  <a:pt x="343248" y="0"/>
                </a:moveTo>
                <a:lnTo>
                  <a:pt x="436820" y="51285"/>
                </a:lnTo>
                <a:cubicBezTo>
                  <a:pt x="420625" y="77677"/>
                  <a:pt x="407729" y="105194"/>
                  <a:pt x="398132" y="133836"/>
                </a:cubicBezTo>
                <a:cubicBezTo>
                  <a:pt x="388535" y="162477"/>
                  <a:pt x="383886" y="194793"/>
                  <a:pt x="384186" y="230782"/>
                </a:cubicBezTo>
                <a:lnTo>
                  <a:pt x="384186" y="333802"/>
                </a:lnTo>
                <a:lnTo>
                  <a:pt x="225833" y="333802"/>
                </a:lnTo>
                <a:lnTo>
                  <a:pt x="225833" y="231232"/>
                </a:lnTo>
                <a:cubicBezTo>
                  <a:pt x="225833" y="202740"/>
                  <a:pt x="231456" y="173874"/>
                  <a:pt x="242703" y="144633"/>
                </a:cubicBezTo>
                <a:cubicBezTo>
                  <a:pt x="253949" y="115391"/>
                  <a:pt x="268645" y="88099"/>
                  <a:pt x="286790" y="62757"/>
                </a:cubicBezTo>
                <a:cubicBezTo>
                  <a:pt x="304934" y="37414"/>
                  <a:pt x="323754" y="16495"/>
                  <a:pt x="343248" y="0"/>
                </a:cubicBezTo>
                <a:close/>
                <a:moveTo>
                  <a:pt x="117415" y="0"/>
                </a:moveTo>
                <a:lnTo>
                  <a:pt x="210987" y="51285"/>
                </a:lnTo>
                <a:cubicBezTo>
                  <a:pt x="194792" y="77677"/>
                  <a:pt x="181896" y="105194"/>
                  <a:pt x="172299" y="133836"/>
                </a:cubicBezTo>
                <a:cubicBezTo>
                  <a:pt x="162701" y="162477"/>
                  <a:pt x="158053" y="194793"/>
                  <a:pt x="158353" y="230782"/>
                </a:cubicBezTo>
                <a:lnTo>
                  <a:pt x="158353" y="333802"/>
                </a:lnTo>
                <a:lnTo>
                  <a:pt x="0" y="333802"/>
                </a:lnTo>
                <a:lnTo>
                  <a:pt x="0" y="231232"/>
                </a:lnTo>
                <a:cubicBezTo>
                  <a:pt x="0" y="202740"/>
                  <a:pt x="5623" y="173874"/>
                  <a:pt x="16870" y="144633"/>
                </a:cubicBezTo>
                <a:cubicBezTo>
                  <a:pt x="28116" y="115391"/>
                  <a:pt x="42812" y="88099"/>
                  <a:pt x="60957" y="62757"/>
                </a:cubicBezTo>
                <a:cubicBezTo>
                  <a:pt x="79101" y="37414"/>
                  <a:pt x="97921" y="16495"/>
                  <a:pt x="117415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8" tIns="3604" rIns="7208" bIns="3604" rtlCol="0" anchor="ctr">
            <a:noAutofit/>
          </a:bodyPr>
          <a:lstStyle/>
          <a:p>
            <a:pPr algn="ctr"/>
            <a:endParaRPr lang="en-GB" sz="200" noProof="0" dirty="0" err="1"/>
          </a:p>
        </p:txBody>
      </p:sp>
      <p:sp>
        <p:nvSpPr>
          <p:cNvPr id="12" name="Text Placeholder notes">
            <a:extLst>
              <a:ext uri="{FF2B5EF4-FFF2-40B4-BE49-F238E27FC236}">
                <a16:creationId xmlns:a16="http://schemas.microsoft.com/office/drawing/2014/main" id="{07820C89-0519-40C4-9EA9-207BD7F2204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962003" y="5695200"/>
            <a:ext cx="5878800" cy="295200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29168934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8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s">
    <p:bg>
      <p:bgPr>
        <a:gradFill>
          <a:gsLst>
            <a:gs pos="0">
              <a:schemeClr val="accent6"/>
            </a:gs>
            <a:gs pos="95000">
              <a:schemeClr val="accent1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B99E036B-4CAD-4D2B-963A-EA155AD21A3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4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2" y="3104303"/>
            <a:ext cx="2091979" cy="716258"/>
          </a:xfrm>
          <a:prstGeom prst="rect">
            <a:avLst/>
          </a:prstGeom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50000"/>
            <a:ext cx="165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850000"/>
            <a:ext cx="1656000" cy="1476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ontact information</a:t>
            </a: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57BCA77D-A437-4BE5-9F1B-499DFCDA409D}"/>
              </a:ext>
            </a:extLst>
          </p:cNvPr>
          <p:cNvSpPr/>
          <p:nvPr userDrawn="1"/>
        </p:nvSpPr>
        <p:spPr>
          <a:xfrm>
            <a:off x="2001182" y="924536"/>
            <a:ext cx="5269721" cy="949686"/>
          </a:xfrm>
          <a:custGeom>
            <a:avLst/>
            <a:gdLst/>
            <a:ahLst/>
            <a:cxnLst/>
            <a:rect l="l" t="t" r="r" b="b"/>
            <a:pathLst>
              <a:path w="5269720" h="949686">
                <a:moveTo>
                  <a:pt x="1684072" y="498006"/>
                </a:moveTo>
                <a:cubicBezTo>
                  <a:pt x="1664287" y="506210"/>
                  <a:pt x="1637746" y="512965"/>
                  <a:pt x="1604449" y="518274"/>
                </a:cubicBezTo>
                <a:cubicBezTo>
                  <a:pt x="1582010" y="521893"/>
                  <a:pt x="1565301" y="528709"/>
                  <a:pt x="1554322" y="538722"/>
                </a:cubicBezTo>
                <a:cubicBezTo>
                  <a:pt x="1543344" y="548736"/>
                  <a:pt x="1537855" y="561222"/>
                  <a:pt x="1537855" y="576181"/>
                </a:cubicBezTo>
                <a:cubicBezTo>
                  <a:pt x="1537855" y="591382"/>
                  <a:pt x="1543163" y="603145"/>
                  <a:pt x="1553780" y="611469"/>
                </a:cubicBezTo>
                <a:cubicBezTo>
                  <a:pt x="1564396" y="619793"/>
                  <a:pt x="1578390" y="623955"/>
                  <a:pt x="1595763" y="623955"/>
                </a:cubicBezTo>
                <a:cubicBezTo>
                  <a:pt x="1611205" y="623955"/>
                  <a:pt x="1625682" y="620758"/>
                  <a:pt x="1639193" y="614364"/>
                </a:cubicBezTo>
                <a:cubicBezTo>
                  <a:pt x="1652705" y="607970"/>
                  <a:pt x="1663563" y="598741"/>
                  <a:pt x="1671766" y="586677"/>
                </a:cubicBezTo>
                <a:cubicBezTo>
                  <a:pt x="1679970" y="574613"/>
                  <a:pt x="1684072" y="560498"/>
                  <a:pt x="1684072" y="544332"/>
                </a:cubicBezTo>
                <a:close/>
                <a:moveTo>
                  <a:pt x="4340559" y="322835"/>
                </a:moveTo>
                <a:cubicBezTo>
                  <a:pt x="4322946" y="322835"/>
                  <a:pt x="4307685" y="328445"/>
                  <a:pt x="4294776" y="339665"/>
                </a:cubicBezTo>
                <a:cubicBezTo>
                  <a:pt x="4281867" y="350884"/>
                  <a:pt x="4272035" y="367050"/>
                  <a:pt x="4265279" y="388162"/>
                </a:cubicBezTo>
                <a:cubicBezTo>
                  <a:pt x="4258523" y="409274"/>
                  <a:pt x="4255145" y="434308"/>
                  <a:pt x="4255145" y="463261"/>
                </a:cubicBezTo>
                <a:cubicBezTo>
                  <a:pt x="4255145" y="492215"/>
                  <a:pt x="4258523" y="517248"/>
                  <a:pt x="4265279" y="538360"/>
                </a:cubicBezTo>
                <a:cubicBezTo>
                  <a:pt x="4272035" y="559473"/>
                  <a:pt x="4281867" y="575638"/>
                  <a:pt x="4294776" y="586858"/>
                </a:cubicBezTo>
                <a:cubicBezTo>
                  <a:pt x="4307685" y="598078"/>
                  <a:pt x="4322946" y="603687"/>
                  <a:pt x="4340559" y="603687"/>
                </a:cubicBezTo>
                <a:cubicBezTo>
                  <a:pt x="4357449" y="603687"/>
                  <a:pt x="4372046" y="598017"/>
                  <a:pt x="4384352" y="586677"/>
                </a:cubicBezTo>
                <a:cubicBezTo>
                  <a:pt x="4396657" y="575337"/>
                  <a:pt x="4406188" y="559111"/>
                  <a:pt x="4412944" y="537998"/>
                </a:cubicBezTo>
                <a:cubicBezTo>
                  <a:pt x="4419700" y="516886"/>
                  <a:pt x="4423078" y="491974"/>
                  <a:pt x="4423078" y="463261"/>
                </a:cubicBezTo>
                <a:cubicBezTo>
                  <a:pt x="4423078" y="434549"/>
                  <a:pt x="4419700" y="409636"/>
                  <a:pt x="4412944" y="388524"/>
                </a:cubicBezTo>
                <a:cubicBezTo>
                  <a:pt x="4406188" y="367412"/>
                  <a:pt x="4396657" y="351186"/>
                  <a:pt x="4384352" y="339846"/>
                </a:cubicBezTo>
                <a:cubicBezTo>
                  <a:pt x="4372046" y="328505"/>
                  <a:pt x="4357449" y="322835"/>
                  <a:pt x="4340559" y="322835"/>
                </a:cubicBezTo>
                <a:close/>
                <a:moveTo>
                  <a:pt x="4709464" y="185305"/>
                </a:moveTo>
                <a:lnTo>
                  <a:pt x="4909245" y="185305"/>
                </a:lnTo>
                <a:lnTo>
                  <a:pt x="4909245" y="498006"/>
                </a:lnTo>
                <a:cubicBezTo>
                  <a:pt x="4909486" y="525753"/>
                  <a:pt x="4916544" y="547408"/>
                  <a:pt x="4930418" y="562971"/>
                </a:cubicBezTo>
                <a:cubicBezTo>
                  <a:pt x="4944291" y="578534"/>
                  <a:pt x="4963774" y="586315"/>
                  <a:pt x="4988868" y="586315"/>
                </a:cubicBezTo>
                <a:cubicBezTo>
                  <a:pt x="5013720" y="586315"/>
                  <a:pt x="5033505" y="578413"/>
                  <a:pt x="5048223" y="562609"/>
                </a:cubicBezTo>
                <a:cubicBezTo>
                  <a:pt x="5062942" y="546805"/>
                  <a:pt x="5070180" y="525271"/>
                  <a:pt x="5069939" y="498006"/>
                </a:cubicBezTo>
                <a:lnTo>
                  <a:pt x="5069939" y="185305"/>
                </a:lnTo>
                <a:lnTo>
                  <a:pt x="5269720" y="185305"/>
                </a:lnTo>
                <a:lnTo>
                  <a:pt x="5269720" y="741218"/>
                </a:lnTo>
                <a:lnTo>
                  <a:pt x="5080073" y="741218"/>
                </a:lnTo>
                <a:lnTo>
                  <a:pt x="5080073" y="635537"/>
                </a:lnTo>
                <a:lnTo>
                  <a:pt x="5074282" y="635537"/>
                </a:lnTo>
                <a:cubicBezTo>
                  <a:pt x="5062218" y="671005"/>
                  <a:pt x="5041106" y="698692"/>
                  <a:pt x="5010945" y="718598"/>
                </a:cubicBezTo>
                <a:cubicBezTo>
                  <a:pt x="4980785" y="738504"/>
                  <a:pt x="4944955" y="748457"/>
                  <a:pt x="4903454" y="748457"/>
                </a:cubicBezTo>
                <a:cubicBezTo>
                  <a:pt x="4865090" y="748457"/>
                  <a:pt x="4831251" y="739589"/>
                  <a:pt x="4801935" y="721855"/>
                </a:cubicBezTo>
                <a:cubicBezTo>
                  <a:pt x="4772619" y="704121"/>
                  <a:pt x="4749878" y="679450"/>
                  <a:pt x="4733712" y="647842"/>
                </a:cubicBezTo>
                <a:cubicBezTo>
                  <a:pt x="4717546" y="616234"/>
                  <a:pt x="4709464" y="580283"/>
                  <a:pt x="4709464" y="539989"/>
                </a:cubicBezTo>
                <a:close/>
                <a:moveTo>
                  <a:pt x="3407285" y="185305"/>
                </a:moveTo>
                <a:lnTo>
                  <a:pt x="3615753" y="185305"/>
                </a:lnTo>
                <a:lnTo>
                  <a:pt x="3705509" y="570391"/>
                </a:lnTo>
                <a:lnTo>
                  <a:pt x="3711300" y="570391"/>
                </a:lnTo>
                <a:lnTo>
                  <a:pt x="3802505" y="185305"/>
                </a:lnTo>
                <a:lnTo>
                  <a:pt x="4012420" y="185305"/>
                </a:lnTo>
                <a:lnTo>
                  <a:pt x="3809743" y="787544"/>
                </a:lnTo>
                <a:cubicBezTo>
                  <a:pt x="3792853" y="837972"/>
                  <a:pt x="3765709" y="877603"/>
                  <a:pt x="3728311" y="906436"/>
                </a:cubicBezTo>
                <a:cubicBezTo>
                  <a:pt x="3690912" y="935269"/>
                  <a:pt x="3639398" y="949686"/>
                  <a:pt x="3573769" y="949686"/>
                </a:cubicBezTo>
                <a:cubicBezTo>
                  <a:pt x="3550848" y="949686"/>
                  <a:pt x="3529012" y="947997"/>
                  <a:pt x="3508261" y="944619"/>
                </a:cubicBezTo>
                <a:cubicBezTo>
                  <a:pt x="3487511" y="941241"/>
                  <a:pt x="3469294" y="936415"/>
                  <a:pt x="3453611" y="930142"/>
                </a:cubicBezTo>
                <a:lnTo>
                  <a:pt x="3497042" y="788268"/>
                </a:lnTo>
                <a:cubicBezTo>
                  <a:pt x="3520446" y="796472"/>
                  <a:pt x="3539628" y="800574"/>
                  <a:pt x="3554588" y="800574"/>
                </a:cubicBezTo>
                <a:cubicBezTo>
                  <a:pt x="3576544" y="800574"/>
                  <a:pt x="3591142" y="792370"/>
                  <a:pt x="3598380" y="775963"/>
                </a:cubicBezTo>
                <a:lnTo>
                  <a:pt x="3602723" y="765829"/>
                </a:lnTo>
                <a:close/>
                <a:moveTo>
                  <a:pt x="4339111" y="178066"/>
                </a:moveTo>
                <a:cubicBezTo>
                  <a:pt x="4398467" y="178066"/>
                  <a:pt x="4449860" y="190009"/>
                  <a:pt x="4493291" y="213896"/>
                </a:cubicBezTo>
                <a:cubicBezTo>
                  <a:pt x="4536721" y="237783"/>
                  <a:pt x="4569898" y="271321"/>
                  <a:pt x="4592819" y="314511"/>
                </a:cubicBezTo>
                <a:cubicBezTo>
                  <a:pt x="4615741" y="357701"/>
                  <a:pt x="4627202" y="407766"/>
                  <a:pt x="4627202" y="464709"/>
                </a:cubicBezTo>
                <a:cubicBezTo>
                  <a:pt x="4627202" y="521652"/>
                  <a:pt x="4615741" y="571718"/>
                  <a:pt x="4592819" y="614907"/>
                </a:cubicBezTo>
                <a:cubicBezTo>
                  <a:pt x="4569898" y="658097"/>
                  <a:pt x="4536721" y="691635"/>
                  <a:pt x="4493291" y="715522"/>
                </a:cubicBezTo>
                <a:cubicBezTo>
                  <a:pt x="4449860" y="739409"/>
                  <a:pt x="4398467" y="751352"/>
                  <a:pt x="4339111" y="751352"/>
                </a:cubicBezTo>
                <a:cubicBezTo>
                  <a:pt x="4279756" y="751352"/>
                  <a:pt x="4228363" y="739409"/>
                  <a:pt x="4184932" y="715522"/>
                </a:cubicBezTo>
                <a:cubicBezTo>
                  <a:pt x="4141502" y="691635"/>
                  <a:pt x="4108325" y="658097"/>
                  <a:pt x="4085403" y="614907"/>
                </a:cubicBezTo>
                <a:cubicBezTo>
                  <a:pt x="4062482" y="571718"/>
                  <a:pt x="4051021" y="521652"/>
                  <a:pt x="4051021" y="464709"/>
                </a:cubicBezTo>
                <a:cubicBezTo>
                  <a:pt x="4051021" y="407766"/>
                  <a:pt x="4062482" y="357701"/>
                  <a:pt x="4085403" y="314511"/>
                </a:cubicBezTo>
                <a:cubicBezTo>
                  <a:pt x="4108325" y="271321"/>
                  <a:pt x="4141502" y="237783"/>
                  <a:pt x="4184932" y="213896"/>
                </a:cubicBezTo>
                <a:cubicBezTo>
                  <a:pt x="4228363" y="190009"/>
                  <a:pt x="4279756" y="178066"/>
                  <a:pt x="4339111" y="178066"/>
                </a:cubicBezTo>
                <a:close/>
                <a:moveTo>
                  <a:pt x="2342054" y="178066"/>
                </a:moveTo>
                <a:cubicBezTo>
                  <a:pt x="2380659" y="178066"/>
                  <a:pt x="2414680" y="186993"/>
                  <a:pt x="2444117" y="204848"/>
                </a:cubicBezTo>
                <a:cubicBezTo>
                  <a:pt x="2473553" y="222703"/>
                  <a:pt x="2496233" y="247435"/>
                  <a:pt x="2512158" y="279043"/>
                </a:cubicBezTo>
                <a:cubicBezTo>
                  <a:pt x="2528083" y="310651"/>
                  <a:pt x="2536045" y="346481"/>
                  <a:pt x="2536045" y="386534"/>
                </a:cubicBezTo>
                <a:lnTo>
                  <a:pt x="2536045" y="741218"/>
                </a:lnTo>
                <a:lnTo>
                  <a:pt x="2336264" y="741218"/>
                </a:lnTo>
                <a:lnTo>
                  <a:pt x="2336264" y="428517"/>
                </a:lnTo>
                <a:cubicBezTo>
                  <a:pt x="2336505" y="401011"/>
                  <a:pt x="2329568" y="379416"/>
                  <a:pt x="2315453" y="363733"/>
                </a:cubicBezTo>
                <a:cubicBezTo>
                  <a:pt x="2301338" y="348049"/>
                  <a:pt x="2281734" y="340208"/>
                  <a:pt x="2256641" y="340208"/>
                </a:cubicBezTo>
                <a:cubicBezTo>
                  <a:pt x="2231789" y="340208"/>
                  <a:pt x="2212124" y="348049"/>
                  <a:pt x="2197647" y="363733"/>
                </a:cubicBezTo>
                <a:cubicBezTo>
                  <a:pt x="2183170" y="379416"/>
                  <a:pt x="2175811" y="401011"/>
                  <a:pt x="2175570" y="428517"/>
                </a:cubicBezTo>
                <a:lnTo>
                  <a:pt x="2175570" y="741218"/>
                </a:lnTo>
                <a:lnTo>
                  <a:pt x="1975788" y="741218"/>
                </a:lnTo>
                <a:lnTo>
                  <a:pt x="1975788" y="185305"/>
                </a:lnTo>
                <a:lnTo>
                  <a:pt x="2165436" y="185305"/>
                </a:lnTo>
                <a:lnTo>
                  <a:pt x="2165436" y="290986"/>
                </a:lnTo>
                <a:lnTo>
                  <a:pt x="2171227" y="290986"/>
                </a:lnTo>
                <a:cubicBezTo>
                  <a:pt x="2179189" y="267823"/>
                  <a:pt x="2191434" y="247736"/>
                  <a:pt x="2207962" y="230726"/>
                </a:cubicBezTo>
                <a:cubicBezTo>
                  <a:pt x="2224490" y="213715"/>
                  <a:pt x="2244214" y="200686"/>
                  <a:pt x="2267136" y="191638"/>
                </a:cubicBezTo>
                <a:cubicBezTo>
                  <a:pt x="2290058" y="182590"/>
                  <a:pt x="2315031" y="178066"/>
                  <a:pt x="2342054" y="178066"/>
                </a:cubicBezTo>
                <a:close/>
                <a:moveTo>
                  <a:pt x="1626164" y="178066"/>
                </a:moveTo>
                <a:cubicBezTo>
                  <a:pt x="1677799" y="178066"/>
                  <a:pt x="1723039" y="186028"/>
                  <a:pt x="1761885" y="201953"/>
                </a:cubicBezTo>
                <a:cubicBezTo>
                  <a:pt x="1800732" y="217878"/>
                  <a:pt x="1830530" y="239714"/>
                  <a:pt x="1851280" y="267461"/>
                </a:cubicBezTo>
                <a:cubicBezTo>
                  <a:pt x="1872030" y="295208"/>
                  <a:pt x="1882406" y="326213"/>
                  <a:pt x="1882406" y="360475"/>
                </a:cubicBezTo>
                <a:lnTo>
                  <a:pt x="1882406" y="741218"/>
                </a:lnTo>
                <a:lnTo>
                  <a:pt x="1695653" y="741218"/>
                </a:lnTo>
                <a:lnTo>
                  <a:pt x="1695653" y="663043"/>
                </a:lnTo>
                <a:lnTo>
                  <a:pt x="1691310" y="663043"/>
                </a:lnTo>
                <a:cubicBezTo>
                  <a:pt x="1674903" y="693203"/>
                  <a:pt x="1653369" y="715220"/>
                  <a:pt x="1626707" y="729094"/>
                </a:cubicBezTo>
                <a:cubicBezTo>
                  <a:pt x="1600045" y="742967"/>
                  <a:pt x="1568015" y="749904"/>
                  <a:pt x="1530617" y="749904"/>
                </a:cubicBezTo>
                <a:cubicBezTo>
                  <a:pt x="1494424" y="749904"/>
                  <a:pt x="1462756" y="743993"/>
                  <a:pt x="1435612" y="732170"/>
                </a:cubicBezTo>
                <a:cubicBezTo>
                  <a:pt x="1408468" y="720347"/>
                  <a:pt x="1387355" y="702311"/>
                  <a:pt x="1372275" y="678063"/>
                </a:cubicBezTo>
                <a:cubicBezTo>
                  <a:pt x="1357195" y="653814"/>
                  <a:pt x="1349655" y="623714"/>
                  <a:pt x="1349655" y="587763"/>
                </a:cubicBezTo>
                <a:cubicBezTo>
                  <a:pt x="1349655" y="530338"/>
                  <a:pt x="1368053" y="487691"/>
                  <a:pt x="1404848" y="459823"/>
                </a:cubicBezTo>
                <a:cubicBezTo>
                  <a:pt x="1441644" y="431955"/>
                  <a:pt x="1491288" y="415729"/>
                  <a:pt x="1553780" y="411144"/>
                </a:cubicBezTo>
                <a:cubicBezTo>
                  <a:pt x="1586353" y="408732"/>
                  <a:pt x="1611747" y="405776"/>
                  <a:pt x="1629964" y="402277"/>
                </a:cubicBezTo>
                <a:cubicBezTo>
                  <a:pt x="1648181" y="398779"/>
                  <a:pt x="1661512" y="393832"/>
                  <a:pt x="1669957" y="387438"/>
                </a:cubicBezTo>
                <a:cubicBezTo>
                  <a:pt x="1678402" y="381045"/>
                  <a:pt x="1682624" y="372539"/>
                  <a:pt x="1682624" y="361923"/>
                </a:cubicBezTo>
                <a:lnTo>
                  <a:pt x="1682624" y="360475"/>
                </a:lnTo>
                <a:cubicBezTo>
                  <a:pt x="1682624" y="346240"/>
                  <a:pt x="1677195" y="335201"/>
                  <a:pt x="1666338" y="327359"/>
                </a:cubicBezTo>
                <a:cubicBezTo>
                  <a:pt x="1655480" y="319518"/>
                  <a:pt x="1641124" y="315597"/>
                  <a:pt x="1623269" y="315597"/>
                </a:cubicBezTo>
                <a:cubicBezTo>
                  <a:pt x="1603725" y="315597"/>
                  <a:pt x="1588102" y="319819"/>
                  <a:pt x="1576400" y="328264"/>
                </a:cubicBezTo>
                <a:cubicBezTo>
                  <a:pt x="1564697" y="336709"/>
                  <a:pt x="1557640" y="349376"/>
                  <a:pt x="1555227" y="366266"/>
                </a:cubicBezTo>
                <a:lnTo>
                  <a:pt x="1371370" y="366266"/>
                </a:lnTo>
                <a:cubicBezTo>
                  <a:pt x="1373783" y="331280"/>
                  <a:pt x="1384822" y="299552"/>
                  <a:pt x="1404486" y="271080"/>
                </a:cubicBezTo>
                <a:cubicBezTo>
                  <a:pt x="1424151" y="242609"/>
                  <a:pt x="1452682" y="219989"/>
                  <a:pt x="1490081" y="203220"/>
                </a:cubicBezTo>
                <a:cubicBezTo>
                  <a:pt x="1527480" y="186451"/>
                  <a:pt x="1572841" y="178066"/>
                  <a:pt x="1626164" y="178066"/>
                </a:cubicBezTo>
                <a:close/>
                <a:moveTo>
                  <a:pt x="2633013" y="0"/>
                </a:moveTo>
                <a:lnTo>
                  <a:pt x="2832795" y="0"/>
                </a:lnTo>
                <a:lnTo>
                  <a:pt x="2832795" y="372057"/>
                </a:lnTo>
                <a:lnTo>
                  <a:pt x="2840033" y="372057"/>
                </a:lnTo>
                <a:lnTo>
                  <a:pt x="2974669" y="185305"/>
                </a:lnTo>
                <a:lnTo>
                  <a:pt x="3199061" y="185305"/>
                </a:lnTo>
                <a:lnTo>
                  <a:pt x="3010137" y="428879"/>
                </a:lnTo>
                <a:lnTo>
                  <a:pt x="3204851" y="741218"/>
                </a:lnTo>
                <a:lnTo>
                  <a:pt x="2976116" y="741218"/>
                </a:lnTo>
                <a:lnTo>
                  <a:pt x="2862834" y="545418"/>
                </a:lnTo>
                <a:lnTo>
                  <a:pt x="2832795" y="583420"/>
                </a:lnTo>
                <a:lnTo>
                  <a:pt x="2832795" y="741218"/>
                </a:lnTo>
                <a:lnTo>
                  <a:pt x="2633013" y="741218"/>
                </a:lnTo>
                <a:close/>
                <a:moveTo>
                  <a:pt x="718488" y="0"/>
                </a:moveTo>
                <a:lnTo>
                  <a:pt x="911031" y="0"/>
                </a:lnTo>
                <a:lnTo>
                  <a:pt x="911031" y="290986"/>
                </a:lnTo>
                <a:lnTo>
                  <a:pt x="916822" y="290986"/>
                </a:lnTo>
                <a:cubicBezTo>
                  <a:pt x="929369" y="255276"/>
                  <a:pt x="950300" y="227529"/>
                  <a:pt x="979616" y="207744"/>
                </a:cubicBezTo>
                <a:cubicBezTo>
                  <a:pt x="1008932" y="187959"/>
                  <a:pt x="1043978" y="178066"/>
                  <a:pt x="1084754" y="178066"/>
                </a:cubicBezTo>
                <a:cubicBezTo>
                  <a:pt x="1123360" y="178066"/>
                  <a:pt x="1157380" y="186933"/>
                  <a:pt x="1186817" y="204667"/>
                </a:cubicBezTo>
                <a:cubicBezTo>
                  <a:pt x="1216253" y="222402"/>
                  <a:pt x="1238934" y="247073"/>
                  <a:pt x="1254858" y="278681"/>
                </a:cubicBezTo>
                <a:cubicBezTo>
                  <a:pt x="1270783" y="310289"/>
                  <a:pt x="1278745" y="346240"/>
                  <a:pt x="1278745" y="386534"/>
                </a:cubicBezTo>
                <a:lnTo>
                  <a:pt x="1278745" y="741218"/>
                </a:lnTo>
                <a:lnTo>
                  <a:pt x="1078964" y="741218"/>
                </a:lnTo>
                <a:lnTo>
                  <a:pt x="1078964" y="428517"/>
                </a:lnTo>
                <a:cubicBezTo>
                  <a:pt x="1079205" y="400769"/>
                  <a:pt x="1072329" y="379114"/>
                  <a:pt x="1058334" y="363552"/>
                </a:cubicBezTo>
                <a:cubicBezTo>
                  <a:pt x="1044340" y="347989"/>
                  <a:pt x="1024675" y="340208"/>
                  <a:pt x="999341" y="340208"/>
                </a:cubicBezTo>
                <a:cubicBezTo>
                  <a:pt x="974730" y="340208"/>
                  <a:pt x="955126" y="348110"/>
                  <a:pt x="940528" y="363913"/>
                </a:cubicBezTo>
                <a:cubicBezTo>
                  <a:pt x="925931" y="379717"/>
                  <a:pt x="918511" y="401252"/>
                  <a:pt x="918270" y="428517"/>
                </a:cubicBezTo>
                <a:lnTo>
                  <a:pt x="918270" y="741218"/>
                </a:lnTo>
                <a:lnTo>
                  <a:pt x="718488" y="741218"/>
                </a:lnTo>
                <a:close/>
                <a:moveTo>
                  <a:pt x="0" y="0"/>
                </a:moveTo>
                <a:lnTo>
                  <a:pt x="644223" y="0"/>
                </a:lnTo>
                <a:lnTo>
                  <a:pt x="644223" y="162141"/>
                </a:lnTo>
                <a:lnTo>
                  <a:pt x="421279" y="162141"/>
                </a:lnTo>
                <a:lnTo>
                  <a:pt x="421279" y="741218"/>
                </a:lnTo>
                <a:lnTo>
                  <a:pt x="222945" y="741218"/>
                </a:lnTo>
                <a:lnTo>
                  <a:pt x="222945" y="162141"/>
                </a:lnTo>
                <a:lnTo>
                  <a:pt x="0" y="162141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8" tIns="3604" rIns="7208" bIns="3604" rtlCol="0" anchor="ctr">
            <a:noAutofit/>
          </a:bodyPr>
          <a:lstStyle/>
          <a:p>
            <a:pPr algn="ctr"/>
            <a:endParaRPr lang="en-GB" sz="181" noProof="0" dirty="0" err="1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F60423B-0833-413C-8670-D2F1D86B4D98}"/>
              </a:ext>
            </a:extLst>
          </p:cNvPr>
          <p:cNvSpPr txBox="1"/>
          <p:nvPr userDrawn="1"/>
        </p:nvSpPr>
        <p:spPr>
          <a:xfrm>
            <a:off x="7350781" y="1474968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54" tIns="4577" rIns="9154" bIns="457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801" dirty="0">
              <a:solidFill>
                <a:schemeClr val="accent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10354237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8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91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8862252"/>
      </p:ext>
    </p:extLst>
  </p:cSld>
  <p:clrMapOvr>
    <a:masterClrMapping/>
  </p:clrMapOvr>
</p:sldLayout>
</file>

<file path=ppt/slideLayouts/slideLayout2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yellow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91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92771DE-7B31-480C-9091-703575BD6824}"/>
              </a:ext>
            </a:extLst>
          </p:cNvPr>
          <p:cNvSpPr/>
          <p:nvPr userDrawn="1"/>
        </p:nvSpPr>
        <p:spPr>
          <a:xfrm rot="5400000" flipV="1">
            <a:off x="-2068402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</p:spTree>
    <p:extLst>
      <p:ext uri="{BB962C8B-B14F-4D97-AF65-F5344CB8AC3E}">
        <p14:creationId xmlns:p14="http://schemas.microsoft.com/office/powerpoint/2010/main" val="1957384616"/>
      </p:ext>
    </p:extLst>
  </p:cSld>
  <p:clrMapOvr>
    <a:masterClrMapping/>
  </p:clrMapOvr>
</p:sldLayout>
</file>

<file path=ppt/slideLayouts/slideLayout2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8930303"/>
      </p:ext>
    </p:extLst>
  </p:cSld>
  <p:clrMapOvr>
    <a:masterClrMapping/>
  </p:clrMapOvr>
</p:sldLayout>
</file>

<file path=ppt/slideLayouts/slideLayout285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8E191F-9315-439E-B3E1-E244B439CE9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421B79-34B3-49E9-88AB-D05336546B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5FA46-FFD0-4832-8708-FF45CE149A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28723819"/>
      </p:ext>
    </p:extLst>
  </p:cSld>
  <p:clrMapOvr>
    <a:masterClrMapping/>
  </p:clrMapOvr>
</p:sldLayout>
</file>

<file path=ppt/slideLayouts/slideLayout28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1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1" b="0" noProof="1">
                <a:solidFill>
                  <a:schemeClr val="tx1"/>
                </a:solidFill>
                <a:latin typeface="+mj-lt"/>
                <a:cs typeface="Dstny Body" panose="02000603000000020004" pitchFamily="2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1227" y="1733518"/>
            <a:ext cx="2916000" cy="321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16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sz="160" dirty="0">
                <a:latin typeface="+mn-lt"/>
                <a:cs typeface="Dstny Body" panose="02000603000000020004" pitchFamily="2" charset="0"/>
              </a:rPr>
              <a:t>TEXT STYLES</a:t>
            </a:r>
            <a:endParaRPr lang="en-GB" altLang="da-DK" sz="16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</a:t>
            </a:r>
            <a:r>
              <a:rPr lang="en-GB" altLang="da-DK" sz="1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jump through levels. Click </a:t>
            </a:r>
            <a:r>
              <a:rPr lang="en-GB" altLang="da-DK" sz="1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ENTER</a:t>
            </a:r>
            <a:r>
              <a:rPr lang="en-GB" altLang="da-DK" sz="1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, then </a:t>
            </a:r>
            <a:r>
              <a:rPr lang="en-GB" altLang="da-DK" sz="1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1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switch from one level to the next level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go back in levels use </a:t>
            </a:r>
            <a:r>
              <a:rPr lang="en-GB" altLang="da-DK" sz="1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-TAB</a:t>
            </a:r>
            <a:endParaRPr lang="en-GB" sz="1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lternatively, </a:t>
            </a:r>
            <a:r>
              <a:rPr lang="en-GB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crease</a:t>
            </a:r>
            <a:r>
              <a:rPr lang="en-GB" sz="1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and </a:t>
            </a:r>
            <a:r>
              <a:rPr lang="en-GB" sz="1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crease </a:t>
            </a:r>
            <a:r>
              <a:rPr lang="en-GB" sz="1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list level can be used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bullet button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lete bullet for regular text. Click on the bullet button to reaply the correct bullet again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sz="160" dirty="0">
                <a:latin typeface="+mn-lt"/>
                <a:cs typeface="Dstny Body" panose="02000603000000020004" pitchFamily="2" charset="0"/>
              </a:rPr>
              <a:t>SLIDES &amp; LAYOUTS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the menu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New Slide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to insert a new slide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hange layout</a:t>
            </a: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indent="0">
              <a:spcAft>
                <a:spcPts val="60"/>
              </a:spcAft>
              <a:buFont typeface="+mj-lt"/>
              <a:buNone/>
            </a:pPr>
            <a:r>
              <a:rPr lang="en-GB" sz="1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Click on the arrow next to </a:t>
            </a:r>
            <a:r>
              <a:rPr lang="en-GB" sz="100" b="1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Layout </a:t>
            </a:r>
            <a:r>
              <a:rPr lang="en-GB" sz="1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to view a dropdown menu of possible slide layouts</a:t>
            </a:r>
            <a:endParaRPr lang="en-GB" sz="100" dirty="0">
              <a:latin typeface="+mn-lt"/>
              <a:ea typeface="Dstny Body" panose="02000603000000020004" pitchFamily="2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62260" y="1742868"/>
            <a:ext cx="2936482" cy="32213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16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fontAlgn="auto">
              <a:spcBef>
                <a:spcPts val="120"/>
              </a:spcBef>
              <a:spcAft>
                <a:spcPts val="60"/>
              </a:spcAft>
              <a:buFont typeface="+mj-lt"/>
              <a:buNone/>
              <a:defRPr/>
            </a:pPr>
            <a:r>
              <a:rPr lang="en-GB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 slide</a:t>
            </a:r>
          </a:p>
          <a:p>
            <a:pPr marL="0" marR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</a:t>
            </a:r>
          </a:p>
          <a:p>
            <a:pPr marL="0" marR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</a:t>
            </a:r>
            <a:r>
              <a:rPr lang="en-GB" altLang="da-DK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menu to reset position, size and formatting of the slide placeholders to their default settings</a:t>
            </a:r>
            <a:endParaRPr lang="en-GB" altLang="da-DK" sz="100" baseline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 typeface="+mj-lt"/>
              <a:buNone/>
              <a:tabLst/>
              <a:defRPr/>
            </a:pPr>
            <a:endParaRPr lang="en-GB" sz="1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sz="160" dirty="0">
                <a:latin typeface="+mn-lt"/>
                <a:cs typeface="Dstny Body" panose="02000603000000020004" pitchFamily="2" charset="0"/>
              </a:rPr>
              <a:t>PICTURES</a:t>
            </a:r>
            <a:endParaRPr lang="en-GB" sz="16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 slides with pictureplaceholder, click on the icon and choos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browse for picture</a:t>
            </a:r>
            <a:endParaRPr lang="en-GB" altLang="da-DK" sz="1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Bef>
                <a:spcPts val="120"/>
              </a:spcBef>
              <a:spcAft>
                <a:spcPts val="60"/>
              </a:spcAft>
              <a:defRPr/>
            </a:pPr>
            <a:r>
              <a:rPr lang="en-GB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 picture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change size or focus of the picture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want to scale the picture, hold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 down while dragging the corners of the picture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ight-click and choos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74443" y="1733518"/>
            <a:ext cx="2936482" cy="3713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16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sz="160" dirty="0">
                <a:latin typeface="+mn-lt"/>
                <a:cs typeface="Dstny Body" panose="02000603000000020004" pitchFamily="2" charset="0"/>
              </a:rPr>
              <a:t>HEADER &amp; FOOTER</a:t>
            </a:r>
            <a:endParaRPr lang="en-GB" altLang="da-DK" sz="16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eader and Footer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(write the desired text)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 to All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if only used on one slide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sz="160" dirty="0">
                <a:latin typeface="+mn-lt"/>
                <a:cs typeface="Dstny Body" panose="02000603000000020004" pitchFamily="2" charset="0"/>
              </a:rPr>
              <a:t>GUIDES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View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and set tick mark next to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Guides</a:t>
            </a: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Alt + F9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for quick view of guides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Mac: </a:t>
            </a:r>
            <a:r>
              <a:rPr lang="en-GB" sz="100" b="0" i="0" dirty="0">
                <a:solidFill>
                  <a:srgbClr val="333333"/>
                </a:solidFill>
                <a:effectLst/>
                <a:latin typeface="Dstny Body"/>
              </a:rPr>
              <a:t>⌘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+ option + ctrl + G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6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OPY/PASTE CONTENT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Best practice: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eate a slide in your new presentation and copy </a:t>
            </a:r>
            <a:r>
              <a:rPr lang="en-GB" altLang="da-DK" sz="1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1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piece of content at a time (e.g. copy all text from </a:t>
            </a:r>
            <a:r>
              <a:rPr lang="en-GB" altLang="da-DK" sz="1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1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extbox)</a:t>
            </a:r>
            <a:endParaRPr lang="en-GB" altLang="da-DK" sz="100" b="1" i="0" u="sng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1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10501896-43DD-469D-A55E-AA24E780130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99612" y="3500899"/>
            <a:ext cx="257143" cy="28571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99609" y="5003956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22600" y="315575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99609" y="4178577"/>
            <a:ext cx="328882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95012" y="2259975"/>
            <a:ext cx="538466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298742" y="3887428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70782" y="2271263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9612" y="2809193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63024653"/>
      </p:ext>
    </p:extLst>
  </p:cSld>
  <p:clrMapOvr>
    <a:masterClrMapping/>
  </p:clrMapOvr>
</p:sldLayout>
</file>

<file path=ppt/slideLayouts/slideLayout28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assific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1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algn="l"/>
            <a:r>
              <a:rPr lang="en-GB" sz="321" kern="1200" cap="all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lassification Levels Policy </a:t>
            </a:r>
          </a:p>
        </p:txBody>
      </p:sp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8F31359-7304-45D0-84E0-C8364FD2AC19}"/>
              </a:ext>
            </a:extLst>
          </p:cNvPr>
          <p:cNvSpPr txBox="1"/>
          <p:nvPr userDrawn="1"/>
        </p:nvSpPr>
        <p:spPr>
          <a:xfrm>
            <a:off x="431801" y="1724026"/>
            <a:ext cx="8517991" cy="1947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81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Public</a:t>
            </a:r>
            <a:r>
              <a:rPr lang="en-GB" sz="181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can be made public and whose disclosure is not prejudicial to the interests of Dstny, including its staff and stakeholders in its activities</a:t>
            </a:r>
          </a:p>
          <a:p>
            <a:pPr algn="l"/>
            <a:endParaRPr lang="en-GB" sz="181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1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Restricted</a:t>
            </a:r>
            <a:r>
              <a:rPr lang="en-GB" sz="181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:</a:t>
            </a:r>
            <a:r>
              <a:rPr lang="en-GB" sz="181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 </a:t>
            </a:r>
            <a:r>
              <a:rPr lang="en-GB" sz="181" b="1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Any information accessible by Dstny staff and disseminated to outsiders on a need-to-know basis under the responsibility of an authorised Dstny worker</a:t>
            </a:r>
          </a:p>
          <a:p>
            <a:pPr algn="l"/>
            <a:endParaRPr lang="en-GB" sz="181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1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onfidential</a:t>
            </a:r>
            <a:r>
              <a:rPr lang="en-GB" sz="181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communicated to identified data subjects and whose unwanted disclosure could have significant consequences for Dstny </a:t>
            </a:r>
          </a:p>
          <a:p>
            <a:pPr algn="l"/>
            <a:endParaRPr lang="en-GB" sz="181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1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Secret</a:t>
            </a:r>
            <a:r>
              <a:rPr lang="en-GB" sz="181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disclosed to identified and mutually identifiable data subjects, and whose unwanted disclosure could have critical consequences for Dstny </a:t>
            </a:r>
            <a:endParaRPr lang="en-GB" sz="181" dirty="0"/>
          </a:p>
        </p:txBody>
      </p:sp>
    </p:spTree>
    <p:extLst>
      <p:ext uri="{BB962C8B-B14F-4D97-AF65-F5344CB8AC3E}">
        <p14:creationId xmlns:p14="http://schemas.microsoft.com/office/powerpoint/2010/main" val="4014814917"/>
      </p:ext>
    </p:extLst>
  </p:cSld>
  <p:clrMapOvr>
    <a:masterClrMapping/>
  </p:clrMapOvr>
</p:sldLayout>
</file>

<file path=ppt/slideLayouts/slideLayout28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8" tIns="7208" rIns="7208" bIns="7208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"/>
              </a:spcBef>
              <a:buClr>
                <a:srgbClr val="003755"/>
              </a:buClr>
            </a:pPr>
            <a:endParaRPr lang="en-GB" sz="14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8" cy="2215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" b="0" noProof="0" dirty="0">
                <a:solidFill>
                  <a:schemeClr val="bg1"/>
                </a:solidFill>
              </a:rPr>
              <a:t>If you see any </a:t>
            </a:r>
            <a:r>
              <a:rPr lang="en-GB" sz="44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" b="0" i="0" noProof="0" dirty="0">
                <a:solidFill>
                  <a:schemeClr val="bg1"/>
                </a:solidFill>
              </a:rPr>
              <a:t>one</a:t>
            </a:r>
            <a:r>
              <a:rPr lang="en-GB" sz="440" b="1" i="1" noProof="0" dirty="0">
                <a:solidFill>
                  <a:schemeClr val="bg1"/>
                </a:solidFill>
              </a:rPr>
              <a:t>,</a:t>
            </a:r>
            <a:br>
              <a:rPr lang="en-GB" sz="440" b="0" i="0" noProof="0" dirty="0">
                <a:solidFill>
                  <a:schemeClr val="bg1"/>
                </a:solidFill>
              </a:rPr>
            </a:br>
            <a:r>
              <a:rPr lang="en-GB" sz="44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" b="0" noProof="0" dirty="0">
                <a:solidFill>
                  <a:schemeClr val="bg1"/>
                </a:solidFill>
              </a:rPr>
            </a:br>
            <a:br>
              <a:rPr lang="en-GB" sz="280" b="0" noProof="0" dirty="0">
                <a:solidFill>
                  <a:schemeClr val="bg1"/>
                </a:solidFill>
              </a:rPr>
            </a:br>
            <a:endParaRPr lang="en-GB" sz="28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5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"/>
                </a:spcBef>
                <a:buClr>
                  <a:srgbClr val="003755"/>
                </a:buClr>
              </a:pPr>
              <a:endParaRPr lang="en-GB" sz="14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"/>
                </a:spcBef>
                <a:buClr>
                  <a:srgbClr val="003755"/>
                </a:buClr>
              </a:pPr>
              <a:endParaRPr lang="en-GB" sz="14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6" y="2588375"/>
            <a:ext cx="10152347" cy="3050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2" b="1" i="1" noProof="0" dirty="0">
                <a:solidFill>
                  <a:schemeClr val="bg1"/>
                </a:solidFill>
              </a:rPr>
              <a:t>Do not use </a:t>
            </a:r>
            <a:endParaRPr lang="en-GB" sz="24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3" y="5186456"/>
            <a:ext cx="11356974" cy="10220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1" b="0" noProof="0" dirty="0">
                <a:solidFill>
                  <a:schemeClr val="bg1"/>
                </a:solidFill>
              </a:rPr>
            </a:br>
            <a:endParaRPr lang="en-GB" sz="181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5DC5A1D-614F-45C9-9730-B88794628D07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5030444"/>
      </p:ext>
    </p:extLst>
  </p:cSld>
  <p:clrMapOvr>
    <a:masterClrMapping/>
  </p:clrMapOvr>
</p:sldLayout>
</file>

<file path=ppt/slideLayouts/slideLayout2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23D6DE55-12CE-4DCC-AB6C-3C77D2902D28}"/>
              </a:ext>
            </a:extLst>
          </p:cNvPr>
          <p:cNvSpPr/>
          <p:nvPr userDrawn="1"/>
        </p:nvSpPr>
        <p:spPr>
          <a:xfrm>
            <a:off x="3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6" name="Rectangle">
            <a:extLst>
              <a:ext uri="{FF2B5EF4-FFF2-40B4-BE49-F238E27FC236}">
                <a16:creationId xmlns:a16="http://schemas.microsoft.com/office/drawing/2014/main" id="{8937A0AD-FEFD-45EB-B4D0-1E2ED999056C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4" y="3104303"/>
            <a:ext cx="2091980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 b="1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FEED0661-B3F8-4AFA-9CE3-DCAF01813D9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6403951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B">
    <p:bg>
      <p:bgPr>
        <a:gradFill>
          <a:gsLst>
            <a:gs pos="0">
              <a:schemeClr val="accent1"/>
            </a:gs>
            <a:gs pos="95000">
              <a:srgbClr val="0066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63DA7E30-9A41-4C82-A7CB-D8A1E3912EAA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9" name="Text Placeholder 16">
            <a:extLst>
              <a:ext uri="{FF2B5EF4-FFF2-40B4-BE49-F238E27FC236}">
                <a16:creationId xmlns:a16="http://schemas.microsoft.com/office/drawing/2014/main" id="{AF04E0B3-14B7-4D62-87B4-0112A485F8C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417637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70457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       Enter &amp; TAB for next text level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4132764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346214CE-CAE1-433D-A846-FC3342686ED0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 bwMode="white">
          <a:xfrm rot="16200000" flipV="1">
            <a:off x="-1088914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4" y="3104303"/>
            <a:ext cx="2091980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E41BD7EA-C3CC-4195-B396-34D12DCC862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Present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9189366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bg>
      <p:bgPr>
        <a:gradFill>
          <a:gsLst>
            <a:gs pos="95000">
              <a:schemeClr val="accent6"/>
            </a:gs>
            <a:gs pos="0">
              <a:schemeClr val="accent1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4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2" y="3104303"/>
            <a:ext cx="2091979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62B4802F-FA45-4EE6-83A6-B60CB36913B4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049205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dark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1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>
                <a:solidFill>
                  <a:schemeClr val="bg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bg1"/>
                </a:solidFill>
              </a:defRPr>
            </a:lvl1pPr>
          </a:lstStyle>
          <a:p>
            <a:fld id="{38BAF498-A710-4AAA-9AF7-1FA5D1B3A456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5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</p:spTree>
    <p:extLst>
      <p:ext uri="{BB962C8B-B14F-4D97-AF65-F5344CB8AC3E}">
        <p14:creationId xmlns:p14="http://schemas.microsoft.com/office/powerpoint/2010/main" val="313346882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light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1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8943978" y="2743202"/>
            <a:ext cx="2505076" cy="124777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5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>
                <a:solidFill>
                  <a:schemeClr val="tx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38BAF498-A710-4AAA-9AF7-1FA5D1B3A456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3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3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400554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0535AB10-5016-4BBE-B319-91BC6F875FE6}"/>
              </a:ext>
            </a:extLst>
          </p:cNvPr>
          <p:cNvSpPr/>
          <p:nvPr userDrawn="1"/>
        </p:nvSpPr>
        <p:spPr>
          <a:xfrm>
            <a:off x="3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>
          <a:xfrm rot="5400000" flipV="1">
            <a:off x="439200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6" y="6199199"/>
            <a:ext cx="901604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1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99203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>
                <a:latin typeface="+mn-lt"/>
              </a:defRPr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>
                <a:latin typeface="+mn-lt"/>
              </a:defRPr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>
                <a:latin typeface="+mn-lt"/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6845974"/>
      </p:ext>
    </p:extLst>
  </p:cSld>
  <p:clrMapOvr>
    <a:masterClrMapping/>
  </p:clrMapOvr>
</p:sldLayout>
</file>

<file path=ppt/slideLayouts/slideLayout2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74232FE-6B21-4D3C-8891-6A33800C6D20}"/>
              </a:ext>
            </a:extLst>
          </p:cNvPr>
          <p:cNvSpPr/>
          <p:nvPr userDrawn="1"/>
        </p:nvSpPr>
        <p:spPr>
          <a:xfrm>
            <a:off x="3" y="0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 bwMode="white">
          <a:xfrm rot="5400000" flipV="1">
            <a:off x="439200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1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499203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"/>
              </a:spcAft>
              <a:buFont typeface="Dstny Body" panose="02000603000000020004" pitchFamily="2" charset="0"/>
              <a:buChar char="​"/>
              <a:defRPr sz="240" b="0" cap="none" baseline="0"/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346796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E552D84-A027-418B-B489-16EF46A08E8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1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1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6674478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1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1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889607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E7966683-9609-42DF-8F42-B189A0907425}"/>
              </a:ext>
            </a:extLst>
          </p:cNvPr>
          <p:cNvSpPr/>
          <p:nvPr userDrawn="1"/>
        </p:nvSpPr>
        <p:spPr bwMode="ltGray">
          <a:xfrm>
            <a:off x="3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1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1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1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339253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29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6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7" name="Espace réservé de la date 6">
            <a:extLst>
              <a:ext uri="{FF2B5EF4-FFF2-40B4-BE49-F238E27FC236}">
                <a16:creationId xmlns:a16="http://schemas.microsoft.com/office/drawing/2014/main" id="{C21F14CA-C818-7E79-15F2-DB6AABD06968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8" name="Espace réservé du pied de page 7">
            <a:extLst>
              <a:ext uri="{FF2B5EF4-FFF2-40B4-BE49-F238E27FC236}">
                <a16:creationId xmlns:a16="http://schemas.microsoft.com/office/drawing/2014/main" id="{F8A219B1-E58C-0AC2-A1A3-35E63C82CE1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9" name="Espace réservé du numéro de diapositive 8">
            <a:extLst>
              <a:ext uri="{FF2B5EF4-FFF2-40B4-BE49-F238E27FC236}">
                <a16:creationId xmlns:a16="http://schemas.microsoft.com/office/drawing/2014/main" id="{CB29BE93-B70C-0FA4-BD29-EE55EC23333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7582436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bg>
      <p:bgPr>
        <a:gradFill>
          <a:gsLst>
            <a:gs pos="95000">
              <a:schemeClr val="accent6"/>
            </a:gs>
            <a:gs pos="0">
              <a:schemeClr val="accent1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62B4802F-FA45-4EE6-83A6-B60CB36913B4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5582782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034A43F0-B693-4A6A-922F-5584D05D23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0653125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DE7121FB-1BE2-4733-A7DE-83DABC7A11B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24352886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0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3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10803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6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29763250"/>
      </p:ext>
    </p:extLst>
  </p:cSld>
  <p:clrMapOvr>
    <a:masterClrMapping/>
  </p:clrMapOvr>
</p:sldLayout>
</file>

<file path=ppt/slideLayouts/slideLayout30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83880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Enter &amp; TAB for next text level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1728000"/>
            <a:ext cx="19584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6"/>
            <a:ext cx="83880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18259381"/>
      </p:ext>
    </p:extLst>
  </p:cSld>
  <p:clrMapOvr>
    <a:masterClrMapping/>
  </p:clrMapOvr>
</p:sldLayout>
</file>

<file path=ppt/slideLayouts/slideLayout30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751749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2"/>
            <a:ext cx="7840800" cy="860025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2160002"/>
            <a:ext cx="78408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Enter &amp; TAB for next text level                        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2160000"/>
            <a:ext cx="1958400" cy="3830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6"/>
            <a:ext cx="78408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974337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414">
          <p15:clr>
            <a:srgbClr val="F26B43"/>
          </p15:clr>
        </p15:guide>
      </p15:sldGuideLst>
    </p:ext>
  </p:extLst>
</p:sldLayout>
</file>

<file path=ppt/slideLayouts/slideLayout30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/>
          <p:nvPr userDrawn="1"/>
        </p:nvSpPr>
        <p:spPr>
          <a:xfrm>
            <a:off x="9154804" y="318416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313205" y="864000"/>
            <a:ext cx="4512551" cy="4536000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/>
          <p:nvPr userDrawn="1"/>
        </p:nvSpPr>
        <p:spPr>
          <a:xfrm>
            <a:off x="9656248" y="1565757"/>
            <a:ext cx="1901371" cy="1901371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91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79488" y="2160000"/>
            <a:ext cx="4899026" cy="3830400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91" y="5991226"/>
            <a:ext cx="48996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97405189"/>
      </p:ext>
    </p:extLst>
  </p:cSld>
  <p:clrMapOvr>
    <a:masterClrMapping/>
  </p:clrMapOvr>
</p:sldLayout>
</file>

<file path=ppt/slideLayouts/slideLayout30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3" y="864000"/>
            <a:ext cx="51732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3531600" y="3364201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4400" y="863999"/>
            <a:ext cx="5172626" cy="86002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584403" y="2160002"/>
            <a:ext cx="51732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584403" y="5991226"/>
            <a:ext cx="51804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A93765-CE2C-40DF-A07F-38F61BBB42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0AE797-4FC1-4511-8181-FEA09BFEF7C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A7B1EA-FFDB-44FE-9A80-5626E53F81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6110927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414">
          <p15:clr>
            <a:srgbClr val="F26B43"/>
          </p15:clr>
        </p15:guide>
      </p15:sldGuideLst>
    </p:ext>
  </p:extLst>
</p:sldLayout>
</file>

<file path=ppt/slideLayouts/slideLayout30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3" y="864000"/>
            <a:ext cx="78300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1920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4003" y="1368000"/>
            <a:ext cx="2509200" cy="4168800"/>
          </a:xfrm>
        </p:spPr>
        <p:txBody>
          <a:bodyPr/>
          <a:lstStyle>
            <a:lvl1pPr>
              <a:defRPr sz="28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252000" y="864002"/>
            <a:ext cx="2505600" cy="5126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2000" y="5991226"/>
            <a:ext cx="2505600" cy="135975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639369-DFE2-4509-AEB5-C21FB645638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43103C-01F7-4802-B93F-A5AF643FFDE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91A0EBB-DBF9-4086-B365-2D0662B21F1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5526587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414">
          <p15:clr>
            <a:srgbClr val="F26B43"/>
          </p15:clr>
        </p15:guide>
      </p15:sldGuideLst>
    </p:ext>
  </p:extLst>
</p:sldLayout>
</file>

<file path=ppt/slideLayouts/slideLayout30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1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7" y="5991225"/>
            <a:ext cx="1097593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5" y="6213916"/>
            <a:ext cx="60069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E07CD6B4-09CD-40D3-BFB2-70EAF73B36C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433000 w 12193200"/>
              <a:gd name="connsiteY148" fmla="*/ 864356 h 6861600"/>
              <a:gd name="connsiteX149" fmla="*/ 433000 w 12193200"/>
              <a:gd name="connsiteY149" fmla="*/ 5990756 h 6861600"/>
              <a:gd name="connsiteX150" fmla="*/ 559000 w 12193200"/>
              <a:gd name="connsiteY150" fmla="*/ 5990756 h 6861600"/>
              <a:gd name="connsiteX151" fmla="*/ 559000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433000" y="864356"/>
                </a:moveTo>
                <a:lnTo>
                  <a:pt x="433000" y="5990756"/>
                </a:lnTo>
                <a:lnTo>
                  <a:pt x="559000" y="5990756"/>
                </a:lnTo>
                <a:lnTo>
                  <a:pt x="559000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90000" y="864000"/>
            <a:ext cx="2930400" cy="5126400"/>
          </a:xfrm>
        </p:spPr>
        <p:txBody>
          <a:bodyPr anchor="t" anchorCtr="0"/>
          <a:lstStyle>
            <a:lvl1pPr algn="l">
              <a:defRPr sz="40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2DA8A14E-DC03-49C9-92CA-121CFBEC32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9799203" y="864000"/>
            <a:ext cx="1954800" cy="5126400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 cap="none" baseline="0">
                <a:solidFill>
                  <a:schemeClr val="bg1"/>
                </a:solidFill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60"/>
              </a:spcAft>
              <a:buNone/>
              <a:defRPr sz="1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4929757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0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3" y="864000"/>
            <a:ext cx="4892400" cy="51264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3" y="5991226"/>
            <a:ext cx="4892400" cy="138113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1449120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602">
          <p15:clr>
            <a:srgbClr val="F26B43"/>
          </p15:clr>
        </p15:guide>
        <p15:guide id="2" orient="horz" pos="4073">
          <p15:clr>
            <a:srgbClr val="F26B43"/>
          </p15:clr>
        </p15:guide>
      </p15:sldGuideLst>
    </p:ext>
  </p:extLst>
</p:sldLayout>
</file>

<file path=ppt/slideLayouts/slideLayout30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A720CB42-81A1-4A6B-977A-543E442C7704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4F0B8F97-F01E-49B6-99DD-0C487D2382B4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4F400C32-FBDE-424B-B4C5-B20E6FA9EC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2" y="6299697"/>
            <a:ext cx="496796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3" y="864000"/>
            <a:ext cx="4892400" cy="51264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9252000" y="864000"/>
            <a:ext cx="2505600" cy="51264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3" y="5991226"/>
            <a:ext cx="4892400" cy="138113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283113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3602">
          <p15:clr>
            <a:srgbClr val="F26B43"/>
          </p15:clr>
        </p15:guide>
        <p15:guide id="2" orient="horz" pos="4073">
          <p15:clr>
            <a:srgbClr val="F26B43"/>
          </p15:clr>
        </p15:guide>
      </p15:sldGuideLst>
    </p:ext>
  </p:extLst>
</p:sldLayout>
</file>

<file path=ppt/slideLayouts/slideLayout30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3" y="864000"/>
            <a:ext cx="48924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920403" y="3643200"/>
            <a:ext cx="48924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252000" y="8640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5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3" y="5991226"/>
            <a:ext cx="4892400" cy="138113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4858692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3602">
          <p15:clr>
            <a:srgbClr val="F26B43"/>
          </p15:clr>
        </p15:guide>
        <p15:guide id="2" orient="horz" pos="4073">
          <p15:clr>
            <a:srgbClr val="F26B43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1090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2000" y="864000"/>
            <a:ext cx="5878800" cy="4262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62000" y="5137200"/>
            <a:ext cx="5880100" cy="3600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noProof="0" dirty="0"/>
              <a:t>Click to add Nam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5E3943B2-B1DF-42B0-9F1C-B752FFA217D8}"/>
              </a:ext>
            </a:extLst>
          </p:cNvPr>
          <p:cNvSpPr>
            <a:spLocks noChangeAspect="1"/>
          </p:cNvSpPr>
          <p:nvPr userDrawn="1"/>
        </p:nvSpPr>
        <p:spPr bwMode="white">
          <a:xfrm>
            <a:off x="431799" y="864358"/>
            <a:ext cx="565325" cy="432000"/>
          </a:xfrm>
          <a:custGeom>
            <a:avLst/>
            <a:gdLst/>
            <a:ahLst/>
            <a:cxnLst/>
            <a:rect l="l" t="t" r="r" b="b"/>
            <a:pathLst>
              <a:path w="436820" h="333802">
                <a:moveTo>
                  <a:pt x="343248" y="0"/>
                </a:moveTo>
                <a:lnTo>
                  <a:pt x="436820" y="51285"/>
                </a:lnTo>
                <a:cubicBezTo>
                  <a:pt x="420625" y="77677"/>
                  <a:pt x="407729" y="105194"/>
                  <a:pt x="398132" y="133836"/>
                </a:cubicBezTo>
                <a:cubicBezTo>
                  <a:pt x="388535" y="162477"/>
                  <a:pt x="383886" y="194793"/>
                  <a:pt x="384186" y="230782"/>
                </a:cubicBezTo>
                <a:lnTo>
                  <a:pt x="384186" y="333802"/>
                </a:lnTo>
                <a:lnTo>
                  <a:pt x="225833" y="333802"/>
                </a:lnTo>
                <a:lnTo>
                  <a:pt x="225833" y="231232"/>
                </a:lnTo>
                <a:cubicBezTo>
                  <a:pt x="225833" y="202740"/>
                  <a:pt x="231456" y="173874"/>
                  <a:pt x="242703" y="144633"/>
                </a:cubicBezTo>
                <a:cubicBezTo>
                  <a:pt x="253949" y="115391"/>
                  <a:pt x="268645" y="88099"/>
                  <a:pt x="286790" y="62757"/>
                </a:cubicBezTo>
                <a:cubicBezTo>
                  <a:pt x="304934" y="37414"/>
                  <a:pt x="323754" y="16495"/>
                  <a:pt x="343248" y="0"/>
                </a:cubicBezTo>
                <a:close/>
                <a:moveTo>
                  <a:pt x="117415" y="0"/>
                </a:moveTo>
                <a:lnTo>
                  <a:pt x="210987" y="51285"/>
                </a:lnTo>
                <a:cubicBezTo>
                  <a:pt x="194792" y="77677"/>
                  <a:pt x="181896" y="105194"/>
                  <a:pt x="172299" y="133836"/>
                </a:cubicBezTo>
                <a:cubicBezTo>
                  <a:pt x="162701" y="162477"/>
                  <a:pt x="158053" y="194793"/>
                  <a:pt x="158353" y="230782"/>
                </a:cubicBezTo>
                <a:lnTo>
                  <a:pt x="158353" y="333802"/>
                </a:lnTo>
                <a:lnTo>
                  <a:pt x="0" y="333802"/>
                </a:lnTo>
                <a:lnTo>
                  <a:pt x="0" y="231232"/>
                </a:lnTo>
                <a:cubicBezTo>
                  <a:pt x="0" y="202740"/>
                  <a:pt x="5623" y="173874"/>
                  <a:pt x="16870" y="144633"/>
                </a:cubicBezTo>
                <a:cubicBezTo>
                  <a:pt x="28116" y="115391"/>
                  <a:pt x="42812" y="88099"/>
                  <a:pt x="60957" y="62757"/>
                </a:cubicBezTo>
                <a:cubicBezTo>
                  <a:pt x="79101" y="37414"/>
                  <a:pt x="97921" y="16495"/>
                  <a:pt x="117415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12" name="Text Placeholder notes">
            <a:extLst>
              <a:ext uri="{FF2B5EF4-FFF2-40B4-BE49-F238E27FC236}">
                <a16:creationId xmlns:a16="http://schemas.microsoft.com/office/drawing/2014/main" id="{07820C89-0519-40C4-9EA9-207BD7F2204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962000" y="5695200"/>
            <a:ext cx="5878800" cy="295200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5692342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FD1B9649-FA38-462A-A772-F439A69356A5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8" name="Logo">
            <a:extLst>
              <a:ext uri="{FF2B5EF4-FFF2-40B4-BE49-F238E27FC236}">
                <a16:creationId xmlns:a16="http://schemas.microsoft.com/office/drawing/2014/main" id="{5A5521B7-1186-4CA9-A8D4-6E07481414C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2" y="6299697"/>
            <a:ext cx="496796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3" y="864000"/>
            <a:ext cx="48924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3920403" y="3643200"/>
            <a:ext cx="48924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 bwMode="white">
          <a:xfrm>
            <a:off x="9252000" y="8640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 bwMode="white">
          <a:xfrm>
            <a:off x="9252000" y="3643200"/>
            <a:ext cx="2505600" cy="2347200"/>
          </a:xfrm>
        </p:spPr>
        <p:txBody>
          <a:bodyPr/>
          <a:lstStyle>
            <a:lvl1pPr>
              <a:defRPr sz="160"/>
            </a:lvl1pPr>
            <a:lvl2pPr>
              <a:defRPr sz="140"/>
            </a:lvl2pPr>
            <a:lvl3pPr>
              <a:defRPr sz="120"/>
            </a:lvl3pPr>
            <a:lvl4pPr>
              <a:defRPr sz="160"/>
            </a:lvl4pPr>
            <a:lvl5pPr>
              <a:defRPr sz="16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3" y="5991226"/>
            <a:ext cx="4892400" cy="138113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964F4D-7160-4DB8-900F-F3B7AB805741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F8B77D-D382-42D8-95C1-0C47695CBD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1259E83-889E-4E1B-BEA6-D8459EDC58F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995884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3602">
          <p15:clr>
            <a:srgbClr val="F26B43"/>
          </p15:clr>
        </p15:guide>
        <p15:guide id="2" orient="horz" pos="4073">
          <p15:clr>
            <a:srgbClr val="F26B43"/>
          </p15:clr>
        </p15:guide>
      </p15:sldGuideLst>
    </p:ext>
  </p:extLst>
</p:sldLayout>
</file>

<file path=ppt/slideLayouts/slideLayout3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7" y="5991225"/>
            <a:ext cx="1097593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5" y="6213916"/>
            <a:ext cx="60069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3" y="864000"/>
            <a:ext cx="5036400" cy="5126400"/>
          </a:xfrm>
        </p:spPr>
        <p:txBody>
          <a:bodyPr anchor="t" anchorCtr="0"/>
          <a:lstStyle>
            <a:lvl1pPr algn="l">
              <a:defRPr sz="601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33287723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7" y="5991225"/>
            <a:ext cx="1097593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5" y="6213916"/>
            <a:ext cx="60069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197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0" bIns="576000" anchor="ctr" anchorCtr="0">
            <a:noAutofit/>
          </a:bodyPr>
          <a:lstStyle>
            <a:lvl1pPr marL="0" indent="0" algn="ctr">
              <a:buNone/>
              <a:defRPr sz="16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505600" cy="1915200"/>
          </a:xfrm>
        </p:spPr>
        <p:txBody>
          <a:bodyPr anchor="t" anchorCtr="0"/>
          <a:lstStyle>
            <a:lvl1pPr algn="l">
              <a:defRPr sz="24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5B12D-AFCA-4C69-8772-3103D984CD9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D37CD5E9-4514-4A77-9781-C0FC80437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33732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F023000C-62EC-4AE1-9428-2B6EA4DF5F7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3108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FE03E1E-7BBA-4981-A199-083F8DE64A6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74302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A">
    <p:bg>
      <p:bgPr>
        <a:gradFill flip="none" rotWithShape="1">
          <a:gsLst>
            <a:gs pos="25000">
              <a:schemeClr val="accent2"/>
            </a:gs>
            <a:gs pos="100000">
              <a:srgbClr val="FFE655"/>
            </a:gs>
          </a:gsLst>
          <a:lin ang="0" scaled="1"/>
          <a:tileRect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3532800" y="3366001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>
              <a:solidFill>
                <a:schemeClr val="tx1"/>
              </a:solidFill>
            </a:endParaRP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3" y="864000"/>
            <a:ext cx="5036400" cy="5126400"/>
          </a:xfrm>
        </p:spPr>
        <p:txBody>
          <a:bodyPr anchor="t" anchorCtr="0"/>
          <a:lstStyle>
            <a:lvl1pPr algn="l">
              <a:defRPr sz="60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4A421D-40AC-4B3C-B046-B97D2CDEB7D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4217A7-1C84-4022-9AF0-8A02934FBF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626653-B042-4CAD-ABE7-FCC2DB1ACE3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112159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1292400" y="3366001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3" y="864000"/>
            <a:ext cx="2941200" cy="5126400"/>
          </a:xfrm>
        </p:spPr>
        <p:txBody>
          <a:bodyPr anchor="t" anchorCtr="0"/>
          <a:lstStyle>
            <a:lvl1pPr algn="l">
              <a:defRPr sz="40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604466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C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2070000" y="3366001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79203" y="864000"/>
            <a:ext cx="2941200" cy="5126400"/>
          </a:xfrm>
        </p:spPr>
        <p:txBody>
          <a:bodyPr anchor="t" anchorCtr="0"/>
          <a:lstStyle>
            <a:lvl1pPr algn="l">
              <a:defRPr sz="40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262251-164F-4D9F-BEE6-DBF9AF1C6B9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FAD54A-EFB6-40DC-A8BF-327E43A08F1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A44297-F69A-4FA2-AD60-0EA38D021B9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4044605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46A2CB-4C6C-4AC8-9450-CD3828AF787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033004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2" y="864000"/>
            <a:ext cx="5148000" cy="5122800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A2F42676-7691-4BBA-B454-CF007CCADCB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609596" y="864002"/>
            <a:ext cx="5148000" cy="5122799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4FBCBC-1785-4DFB-84A8-04367CD12684}"/>
              </a:ext>
            </a:extLst>
          </p:cNvPr>
          <p:cNvSpPr>
            <a:spLocks noGrp="1"/>
          </p:cNvSpPr>
          <p:nvPr>
            <p:ph type="dt" sz="half" idx="2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2F9B70-FCB9-43D9-9F30-EE12E6A1D4A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ACFBE7-785A-4311-8356-55947434B49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9679893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B">
    <p:bg>
      <p:bgPr>
        <a:gradFill>
          <a:gsLst>
            <a:gs pos="0">
              <a:schemeClr val="accent1"/>
            </a:gs>
            <a:gs pos="95000">
              <a:srgbClr val="0066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63DA7E30-9A41-4C82-A7CB-D8A1E3912EAA}"/>
              </a:ext>
            </a:extLst>
          </p:cNvPr>
          <p:cNvSpPr/>
          <p:nvPr userDrawn="1"/>
        </p:nvSpPr>
        <p:spPr>
          <a:xfrm>
            <a:off x="3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9" name="Text Placeholder 16">
            <a:extLst>
              <a:ext uri="{FF2B5EF4-FFF2-40B4-BE49-F238E27FC236}">
                <a16:creationId xmlns:a16="http://schemas.microsoft.com/office/drawing/2014/main" id="{AF04E0B3-14B7-4D62-87B4-0112A485F8C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417638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70457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       Enter &amp; TAB for next text level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4234795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3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034A43F0-B693-4A6A-922F-5584D05D23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0653126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DE7121FB-1BE2-4733-A7DE-83DABC7A11B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2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31338155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1090800" y="3366001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2003" y="864000"/>
            <a:ext cx="5878800" cy="4262400"/>
          </a:xfrm>
        </p:spPr>
        <p:txBody>
          <a:bodyPr anchor="t" anchorCtr="0"/>
          <a:lstStyle>
            <a:lvl1pPr algn="l">
              <a:defRPr sz="601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62000" y="5137200"/>
            <a:ext cx="5880100" cy="3600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noProof="0" dirty="0"/>
              <a:t>Click to add Nam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5E3943B2-B1DF-42B0-9F1C-B752FFA217D8}"/>
              </a:ext>
            </a:extLst>
          </p:cNvPr>
          <p:cNvSpPr>
            <a:spLocks noChangeAspect="1"/>
          </p:cNvSpPr>
          <p:nvPr userDrawn="1"/>
        </p:nvSpPr>
        <p:spPr bwMode="white">
          <a:xfrm>
            <a:off x="431800" y="864358"/>
            <a:ext cx="565324" cy="432000"/>
          </a:xfrm>
          <a:custGeom>
            <a:avLst/>
            <a:gdLst/>
            <a:ahLst/>
            <a:cxnLst/>
            <a:rect l="l" t="t" r="r" b="b"/>
            <a:pathLst>
              <a:path w="436820" h="333802">
                <a:moveTo>
                  <a:pt x="343248" y="0"/>
                </a:moveTo>
                <a:lnTo>
                  <a:pt x="436820" y="51285"/>
                </a:lnTo>
                <a:cubicBezTo>
                  <a:pt x="420625" y="77677"/>
                  <a:pt x="407729" y="105194"/>
                  <a:pt x="398132" y="133836"/>
                </a:cubicBezTo>
                <a:cubicBezTo>
                  <a:pt x="388535" y="162477"/>
                  <a:pt x="383886" y="194793"/>
                  <a:pt x="384186" y="230782"/>
                </a:cubicBezTo>
                <a:lnTo>
                  <a:pt x="384186" y="333802"/>
                </a:lnTo>
                <a:lnTo>
                  <a:pt x="225833" y="333802"/>
                </a:lnTo>
                <a:lnTo>
                  <a:pt x="225833" y="231232"/>
                </a:lnTo>
                <a:cubicBezTo>
                  <a:pt x="225833" y="202740"/>
                  <a:pt x="231456" y="173874"/>
                  <a:pt x="242703" y="144633"/>
                </a:cubicBezTo>
                <a:cubicBezTo>
                  <a:pt x="253949" y="115391"/>
                  <a:pt x="268645" y="88099"/>
                  <a:pt x="286790" y="62757"/>
                </a:cubicBezTo>
                <a:cubicBezTo>
                  <a:pt x="304934" y="37414"/>
                  <a:pt x="323754" y="16495"/>
                  <a:pt x="343248" y="0"/>
                </a:cubicBezTo>
                <a:close/>
                <a:moveTo>
                  <a:pt x="117415" y="0"/>
                </a:moveTo>
                <a:lnTo>
                  <a:pt x="210987" y="51285"/>
                </a:lnTo>
                <a:cubicBezTo>
                  <a:pt x="194792" y="77677"/>
                  <a:pt x="181896" y="105194"/>
                  <a:pt x="172299" y="133836"/>
                </a:cubicBezTo>
                <a:cubicBezTo>
                  <a:pt x="162701" y="162477"/>
                  <a:pt x="158053" y="194793"/>
                  <a:pt x="158353" y="230782"/>
                </a:cubicBezTo>
                <a:lnTo>
                  <a:pt x="158353" y="333802"/>
                </a:lnTo>
                <a:lnTo>
                  <a:pt x="0" y="333802"/>
                </a:lnTo>
                <a:lnTo>
                  <a:pt x="0" y="231232"/>
                </a:lnTo>
                <a:cubicBezTo>
                  <a:pt x="0" y="202740"/>
                  <a:pt x="5623" y="173874"/>
                  <a:pt x="16870" y="144633"/>
                </a:cubicBezTo>
                <a:cubicBezTo>
                  <a:pt x="28116" y="115391"/>
                  <a:pt x="42812" y="88099"/>
                  <a:pt x="60957" y="62757"/>
                </a:cubicBezTo>
                <a:cubicBezTo>
                  <a:pt x="79101" y="37414"/>
                  <a:pt x="97921" y="16495"/>
                  <a:pt x="117415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8" tIns="3604" rIns="7208" bIns="3604" rtlCol="0" anchor="ctr">
            <a:noAutofit/>
          </a:bodyPr>
          <a:lstStyle/>
          <a:p>
            <a:pPr algn="ctr"/>
            <a:endParaRPr lang="en-GB" sz="200" noProof="0" dirty="0" err="1"/>
          </a:p>
        </p:txBody>
      </p:sp>
      <p:sp>
        <p:nvSpPr>
          <p:cNvPr id="12" name="Text Placeholder notes">
            <a:extLst>
              <a:ext uri="{FF2B5EF4-FFF2-40B4-BE49-F238E27FC236}">
                <a16:creationId xmlns:a16="http://schemas.microsoft.com/office/drawing/2014/main" id="{07820C89-0519-40C4-9EA9-207BD7F2204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962003" y="5695200"/>
            <a:ext cx="5878800" cy="295200"/>
          </a:xfrm>
        </p:spPr>
        <p:txBody>
          <a:bodyPr anchor="b" anchorCtr="0"/>
          <a:lstStyle>
            <a:lvl1pPr marL="0" indent="0">
              <a:spcAft>
                <a:spcPts val="30"/>
              </a:spcAft>
              <a:buFont typeface="Dstny Body" panose="02000603000000020004" pitchFamily="2" charset="0"/>
              <a:buNone/>
              <a:defRPr sz="1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29168934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s">
    <p:bg>
      <p:bgPr>
        <a:gradFill>
          <a:gsLst>
            <a:gs pos="0">
              <a:schemeClr val="accent6"/>
            </a:gs>
            <a:gs pos="95000">
              <a:schemeClr val="accent1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B99E036B-4CAD-4D2B-963A-EA155AD21A3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50000"/>
            <a:ext cx="165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850000"/>
            <a:ext cx="1656000" cy="1476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ontact information</a:t>
            </a: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57BCA77D-A437-4BE5-9F1B-499DFCDA409D}"/>
              </a:ext>
            </a:extLst>
          </p:cNvPr>
          <p:cNvSpPr/>
          <p:nvPr userDrawn="1"/>
        </p:nvSpPr>
        <p:spPr>
          <a:xfrm>
            <a:off x="2001182" y="924535"/>
            <a:ext cx="5269720" cy="949686"/>
          </a:xfrm>
          <a:custGeom>
            <a:avLst/>
            <a:gdLst/>
            <a:ahLst/>
            <a:cxnLst/>
            <a:rect l="l" t="t" r="r" b="b"/>
            <a:pathLst>
              <a:path w="5269720" h="949686">
                <a:moveTo>
                  <a:pt x="1684072" y="498006"/>
                </a:moveTo>
                <a:cubicBezTo>
                  <a:pt x="1664287" y="506210"/>
                  <a:pt x="1637746" y="512965"/>
                  <a:pt x="1604449" y="518274"/>
                </a:cubicBezTo>
                <a:cubicBezTo>
                  <a:pt x="1582010" y="521893"/>
                  <a:pt x="1565301" y="528709"/>
                  <a:pt x="1554322" y="538722"/>
                </a:cubicBezTo>
                <a:cubicBezTo>
                  <a:pt x="1543344" y="548736"/>
                  <a:pt x="1537855" y="561222"/>
                  <a:pt x="1537855" y="576181"/>
                </a:cubicBezTo>
                <a:cubicBezTo>
                  <a:pt x="1537855" y="591382"/>
                  <a:pt x="1543163" y="603145"/>
                  <a:pt x="1553780" y="611469"/>
                </a:cubicBezTo>
                <a:cubicBezTo>
                  <a:pt x="1564396" y="619793"/>
                  <a:pt x="1578390" y="623955"/>
                  <a:pt x="1595763" y="623955"/>
                </a:cubicBezTo>
                <a:cubicBezTo>
                  <a:pt x="1611205" y="623955"/>
                  <a:pt x="1625682" y="620758"/>
                  <a:pt x="1639193" y="614364"/>
                </a:cubicBezTo>
                <a:cubicBezTo>
                  <a:pt x="1652705" y="607970"/>
                  <a:pt x="1663563" y="598741"/>
                  <a:pt x="1671766" y="586677"/>
                </a:cubicBezTo>
                <a:cubicBezTo>
                  <a:pt x="1679970" y="574613"/>
                  <a:pt x="1684072" y="560498"/>
                  <a:pt x="1684072" y="544332"/>
                </a:cubicBezTo>
                <a:close/>
                <a:moveTo>
                  <a:pt x="4340559" y="322835"/>
                </a:moveTo>
                <a:cubicBezTo>
                  <a:pt x="4322946" y="322835"/>
                  <a:pt x="4307685" y="328445"/>
                  <a:pt x="4294776" y="339665"/>
                </a:cubicBezTo>
                <a:cubicBezTo>
                  <a:pt x="4281867" y="350884"/>
                  <a:pt x="4272035" y="367050"/>
                  <a:pt x="4265279" y="388162"/>
                </a:cubicBezTo>
                <a:cubicBezTo>
                  <a:pt x="4258523" y="409274"/>
                  <a:pt x="4255145" y="434308"/>
                  <a:pt x="4255145" y="463261"/>
                </a:cubicBezTo>
                <a:cubicBezTo>
                  <a:pt x="4255145" y="492215"/>
                  <a:pt x="4258523" y="517248"/>
                  <a:pt x="4265279" y="538360"/>
                </a:cubicBezTo>
                <a:cubicBezTo>
                  <a:pt x="4272035" y="559473"/>
                  <a:pt x="4281867" y="575638"/>
                  <a:pt x="4294776" y="586858"/>
                </a:cubicBezTo>
                <a:cubicBezTo>
                  <a:pt x="4307685" y="598078"/>
                  <a:pt x="4322946" y="603687"/>
                  <a:pt x="4340559" y="603687"/>
                </a:cubicBezTo>
                <a:cubicBezTo>
                  <a:pt x="4357449" y="603687"/>
                  <a:pt x="4372046" y="598017"/>
                  <a:pt x="4384352" y="586677"/>
                </a:cubicBezTo>
                <a:cubicBezTo>
                  <a:pt x="4396657" y="575337"/>
                  <a:pt x="4406188" y="559111"/>
                  <a:pt x="4412944" y="537998"/>
                </a:cubicBezTo>
                <a:cubicBezTo>
                  <a:pt x="4419700" y="516886"/>
                  <a:pt x="4423078" y="491974"/>
                  <a:pt x="4423078" y="463261"/>
                </a:cubicBezTo>
                <a:cubicBezTo>
                  <a:pt x="4423078" y="434549"/>
                  <a:pt x="4419700" y="409636"/>
                  <a:pt x="4412944" y="388524"/>
                </a:cubicBezTo>
                <a:cubicBezTo>
                  <a:pt x="4406188" y="367412"/>
                  <a:pt x="4396657" y="351186"/>
                  <a:pt x="4384352" y="339846"/>
                </a:cubicBezTo>
                <a:cubicBezTo>
                  <a:pt x="4372046" y="328505"/>
                  <a:pt x="4357449" y="322835"/>
                  <a:pt x="4340559" y="322835"/>
                </a:cubicBezTo>
                <a:close/>
                <a:moveTo>
                  <a:pt x="4709464" y="185305"/>
                </a:moveTo>
                <a:lnTo>
                  <a:pt x="4909245" y="185305"/>
                </a:lnTo>
                <a:lnTo>
                  <a:pt x="4909245" y="498006"/>
                </a:lnTo>
                <a:cubicBezTo>
                  <a:pt x="4909486" y="525753"/>
                  <a:pt x="4916544" y="547408"/>
                  <a:pt x="4930418" y="562971"/>
                </a:cubicBezTo>
                <a:cubicBezTo>
                  <a:pt x="4944291" y="578534"/>
                  <a:pt x="4963774" y="586315"/>
                  <a:pt x="4988868" y="586315"/>
                </a:cubicBezTo>
                <a:cubicBezTo>
                  <a:pt x="5013720" y="586315"/>
                  <a:pt x="5033505" y="578413"/>
                  <a:pt x="5048223" y="562609"/>
                </a:cubicBezTo>
                <a:cubicBezTo>
                  <a:pt x="5062942" y="546805"/>
                  <a:pt x="5070180" y="525271"/>
                  <a:pt x="5069939" y="498006"/>
                </a:cubicBezTo>
                <a:lnTo>
                  <a:pt x="5069939" y="185305"/>
                </a:lnTo>
                <a:lnTo>
                  <a:pt x="5269720" y="185305"/>
                </a:lnTo>
                <a:lnTo>
                  <a:pt x="5269720" y="741218"/>
                </a:lnTo>
                <a:lnTo>
                  <a:pt x="5080073" y="741218"/>
                </a:lnTo>
                <a:lnTo>
                  <a:pt x="5080073" y="635537"/>
                </a:lnTo>
                <a:lnTo>
                  <a:pt x="5074282" y="635537"/>
                </a:lnTo>
                <a:cubicBezTo>
                  <a:pt x="5062218" y="671005"/>
                  <a:pt x="5041106" y="698692"/>
                  <a:pt x="5010945" y="718598"/>
                </a:cubicBezTo>
                <a:cubicBezTo>
                  <a:pt x="4980785" y="738504"/>
                  <a:pt x="4944955" y="748457"/>
                  <a:pt x="4903454" y="748457"/>
                </a:cubicBezTo>
                <a:cubicBezTo>
                  <a:pt x="4865090" y="748457"/>
                  <a:pt x="4831251" y="739589"/>
                  <a:pt x="4801935" y="721855"/>
                </a:cubicBezTo>
                <a:cubicBezTo>
                  <a:pt x="4772619" y="704121"/>
                  <a:pt x="4749878" y="679450"/>
                  <a:pt x="4733712" y="647842"/>
                </a:cubicBezTo>
                <a:cubicBezTo>
                  <a:pt x="4717546" y="616234"/>
                  <a:pt x="4709464" y="580283"/>
                  <a:pt x="4709464" y="539989"/>
                </a:cubicBezTo>
                <a:close/>
                <a:moveTo>
                  <a:pt x="3407285" y="185305"/>
                </a:moveTo>
                <a:lnTo>
                  <a:pt x="3615753" y="185305"/>
                </a:lnTo>
                <a:lnTo>
                  <a:pt x="3705509" y="570391"/>
                </a:lnTo>
                <a:lnTo>
                  <a:pt x="3711300" y="570391"/>
                </a:lnTo>
                <a:lnTo>
                  <a:pt x="3802505" y="185305"/>
                </a:lnTo>
                <a:lnTo>
                  <a:pt x="4012420" y="185305"/>
                </a:lnTo>
                <a:lnTo>
                  <a:pt x="3809743" y="787544"/>
                </a:lnTo>
                <a:cubicBezTo>
                  <a:pt x="3792853" y="837972"/>
                  <a:pt x="3765709" y="877603"/>
                  <a:pt x="3728311" y="906436"/>
                </a:cubicBezTo>
                <a:cubicBezTo>
                  <a:pt x="3690912" y="935269"/>
                  <a:pt x="3639398" y="949686"/>
                  <a:pt x="3573769" y="949686"/>
                </a:cubicBezTo>
                <a:cubicBezTo>
                  <a:pt x="3550848" y="949686"/>
                  <a:pt x="3529012" y="947997"/>
                  <a:pt x="3508261" y="944619"/>
                </a:cubicBezTo>
                <a:cubicBezTo>
                  <a:pt x="3487511" y="941241"/>
                  <a:pt x="3469294" y="936415"/>
                  <a:pt x="3453611" y="930142"/>
                </a:cubicBezTo>
                <a:lnTo>
                  <a:pt x="3497042" y="788268"/>
                </a:lnTo>
                <a:cubicBezTo>
                  <a:pt x="3520446" y="796472"/>
                  <a:pt x="3539628" y="800574"/>
                  <a:pt x="3554588" y="800574"/>
                </a:cubicBezTo>
                <a:cubicBezTo>
                  <a:pt x="3576544" y="800574"/>
                  <a:pt x="3591142" y="792370"/>
                  <a:pt x="3598380" y="775963"/>
                </a:cubicBezTo>
                <a:lnTo>
                  <a:pt x="3602723" y="765829"/>
                </a:lnTo>
                <a:close/>
                <a:moveTo>
                  <a:pt x="4339111" y="178066"/>
                </a:moveTo>
                <a:cubicBezTo>
                  <a:pt x="4398467" y="178066"/>
                  <a:pt x="4449860" y="190009"/>
                  <a:pt x="4493291" y="213896"/>
                </a:cubicBezTo>
                <a:cubicBezTo>
                  <a:pt x="4536721" y="237783"/>
                  <a:pt x="4569898" y="271321"/>
                  <a:pt x="4592819" y="314511"/>
                </a:cubicBezTo>
                <a:cubicBezTo>
                  <a:pt x="4615741" y="357701"/>
                  <a:pt x="4627202" y="407766"/>
                  <a:pt x="4627202" y="464709"/>
                </a:cubicBezTo>
                <a:cubicBezTo>
                  <a:pt x="4627202" y="521652"/>
                  <a:pt x="4615741" y="571718"/>
                  <a:pt x="4592819" y="614907"/>
                </a:cubicBezTo>
                <a:cubicBezTo>
                  <a:pt x="4569898" y="658097"/>
                  <a:pt x="4536721" y="691635"/>
                  <a:pt x="4493291" y="715522"/>
                </a:cubicBezTo>
                <a:cubicBezTo>
                  <a:pt x="4449860" y="739409"/>
                  <a:pt x="4398467" y="751352"/>
                  <a:pt x="4339111" y="751352"/>
                </a:cubicBezTo>
                <a:cubicBezTo>
                  <a:pt x="4279756" y="751352"/>
                  <a:pt x="4228363" y="739409"/>
                  <a:pt x="4184932" y="715522"/>
                </a:cubicBezTo>
                <a:cubicBezTo>
                  <a:pt x="4141502" y="691635"/>
                  <a:pt x="4108325" y="658097"/>
                  <a:pt x="4085403" y="614907"/>
                </a:cubicBezTo>
                <a:cubicBezTo>
                  <a:pt x="4062482" y="571718"/>
                  <a:pt x="4051021" y="521652"/>
                  <a:pt x="4051021" y="464709"/>
                </a:cubicBezTo>
                <a:cubicBezTo>
                  <a:pt x="4051021" y="407766"/>
                  <a:pt x="4062482" y="357701"/>
                  <a:pt x="4085403" y="314511"/>
                </a:cubicBezTo>
                <a:cubicBezTo>
                  <a:pt x="4108325" y="271321"/>
                  <a:pt x="4141502" y="237783"/>
                  <a:pt x="4184932" y="213896"/>
                </a:cubicBezTo>
                <a:cubicBezTo>
                  <a:pt x="4228363" y="190009"/>
                  <a:pt x="4279756" y="178066"/>
                  <a:pt x="4339111" y="178066"/>
                </a:cubicBezTo>
                <a:close/>
                <a:moveTo>
                  <a:pt x="2342054" y="178066"/>
                </a:moveTo>
                <a:cubicBezTo>
                  <a:pt x="2380659" y="178066"/>
                  <a:pt x="2414680" y="186993"/>
                  <a:pt x="2444117" y="204848"/>
                </a:cubicBezTo>
                <a:cubicBezTo>
                  <a:pt x="2473553" y="222703"/>
                  <a:pt x="2496233" y="247435"/>
                  <a:pt x="2512158" y="279043"/>
                </a:cubicBezTo>
                <a:cubicBezTo>
                  <a:pt x="2528083" y="310651"/>
                  <a:pt x="2536045" y="346481"/>
                  <a:pt x="2536045" y="386534"/>
                </a:cubicBezTo>
                <a:lnTo>
                  <a:pt x="2536045" y="741218"/>
                </a:lnTo>
                <a:lnTo>
                  <a:pt x="2336264" y="741218"/>
                </a:lnTo>
                <a:lnTo>
                  <a:pt x="2336264" y="428517"/>
                </a:lnTo>
                <a:cubicBezTo>
                  <a:pt x="2336505" y="401011"/>
                  <a:pt x="2329568" y="379416"/>
                  <a:pt x="2315453" y="363733"/>
                </a:cubicBezTo>
                <a:cubicBezTo>
                  <a:pt x="2301338" y="348049"/>
                  <a:pt x="2281734" y="340208"/>
                  <a:pt x="2256641" y="340208"/>
                </a:cubicBezTo>
                <a:cubicBezTo>
                  <a:pt x="2231789" y="340208"/>
                  <a:pt x="2212124" y="348049"/>
                  <a:pt x="2197647" y="363733"/>
                </a:cubicBezTo>
                <a:cubicBezTo>
                  <a:pt x="2183170" y="379416"/>
                  <a:pt x="2175811" y="401011"/>
                  <a:pt x="2175570" y="428517"/>
                </a:cubicBezTo>
                <a:lnTo>
                  <a:pt x="2175570" y="741218"/>
                </a:lnTo>
                <a:lnTo>
                  <a:pt x="1975788" y="741218"/>
                </a:lnTo>
                <a:lnTo>
                  <a:pt x="1975788" y="185305"/>
                </a:lnTo>
                <a:lnTo>
                  <a:pt x="2165436" y="185305"/>
                </a:lnTo>
                <a:lnTo>
                  <a:pt x="2165436" y="290986"/>
                </a:lnTo>
                <a:lnTo>
                  <a:pt x="2171227" y="290986"/>
                </a:lnTo>
                <a:cubicBezTo>
                  <a:pt x="2179189" y="267823"/>
                  <a:pt x="2191434" y="247736"/>
                  <a:pt x="2207962" y="230726"/>
                </a:cubicBezTo>
                <a:cubicBezTo>
                  <a:pt x="2224490" y="213715"/>
                  <a:pt x="2244214" y="200686"/>
                  <a:pt x="2267136" y="191638"/>
                </a:cubicBezTo>
                <a:cubicBezTo>
                  <a:pt x="2290058" y="182590"/>
                  <a:pt x="2315031" y="178066"/>
                  <a:pt x="2342054" y="178066"/>
                </a:cubicBezTo>
                <a:close/>
                <a:moveTo>
                  <a:pt x="1626164" y="178066"/>
                </a:moveTo>
                <a:cubicBezTo>
                  <a:pt x="1677799" y="178066"/>
                  <a:pt x="1723039" y="186028"/>
                  <a:pt x="1761885" y="201953"/>
                </a:cubicBezTo>
                <a:cubicBezTo>
                  <a:pt x="1800732" y="217878"/>
                  <a:pt x="1830530" y="239714"/>
                  <a:pt x="1851280" y="267461"/>
                </a:cubicBezTo>
                <a:cubicBezTo>
                  <a:pt x="1872030" y="295208"/>
                  <a:pt x="1882406" y="326213"/>
                  <a:pt x="1882406" y="360475"/>
                </a:cubicBezTo>
                <a:lnTo>
                  <a:pt x="1882406" y="741218"/>
                </a:lnTo>
                <a:lnTo>
                  <a:pt x="1695653" y="741218"/>
                </a:lnTo>
                <a:lnTo>
                  <a:pt x="1695653" y="663043"/>
                </a:lnTo>
                <a:lnTo>
                  <a:pt x="1691310" y="663043"/>
                </a:lnTo>
                <a:cubicBezTo>
                  <a:pt x="1674903" y="693203"/>
                  <a:pt x="1653369" y="715220"/>
                  <a:pt x="1626707" y="729094"/>
                </a:cubicBezTo>
                <a:cubicBezTo>
                  <a:pt x="1600045" y="742967"/>
                  <a:pt x="1568015" y="749904"/>
                  <a:pt x="1530617" y="749904"/>
                </a:cubicBezTo>
                <a:cubicBezTo>
                  <a:pt x="1494424" y="749904"/>
                  <a:pt x="1462756" y="743993"/>
                  <a:pt x="1435612" y="732170"/>
                </a:cubicBezTo>
                <a:cubicBezTo>
                  <a:pt x="1408468" y="720347"/>
                  <a:pt x="1387355" y="702311"/>
                  <a:pt x="1372275" y="678063"/>
                </a:cubicBezTo>
                <a:cubicBezTo>
                  <a:pt x="1357195" y="653814"/>
                  <a:pt x="1349655" y="623714"/>
                  <a:pt x="1349655" y="587763"/>
                </a:cubicBezTo>
                <a:cubicBezTo>
                  <a:pt x="1349655" y="530338"/>
                  <a:pt x="1368053" y="487691"/>
                  <a:pt x="1404848" y="459823"/>
                </a:cubicBezTo>
                <a:cubicBezTo>
                  <a:pt x="1441644" y="431955"/>
                  <a:pt x="1491288" y="415729"/>
                  <a:pt x="1553780" y="411144"/>
                </a:cubicBezTo>
                <a:cubicBezTo>
                  <a:pt x="1586353" y="408732"/>
                  <a:pt x="1611747" y="405776"/>
                  <a:pt x="1629964" y="402277"/>
                </a:cubicBezTo>
                <a:cubicBezTo>
                  <a:pt x="1648181" y="398779"/>
                  <a:pt x="1661512" y="393832"/>
                  <a:pt x="1669957" y="387438"/>
                </a:cubicBezTo>
                <a:cubicBezTo>
                  <a:pt x="1678402" y="381045"/>
                  <a:pt x="1682624" y="372539"/>
                  <a:pt x="1682624" y="361923"/>
                </a:cubicBezTo>
                <a:lnTo>
                  <a:pt x="1682624" y="360475"/>
                </a:lnTo>
                <a:cubicBezTo>
                  <a:pt x="1682624" y="346240"/>
                  <a:pt x="1677195" y="335201"/>
                  <a:pt x="1666338" y="327359"/>
                </a:cubicBezTo>
                <a:cubicBezTo>
                  <a:pt x="1655480" y="319518"/>
                  <a:pt x="1641124" y="315597"/>
                  <a:pt x="1623269" y="315597"/>
                </a:cubicBezTo>
                <a:cubicBezTo>
                  <a:pt x="1603725" y="315597"/>
                  <a:pt x="1588102" y="319819"/>
                  <a:pt x="1576400" y="328264"/>
                </a:cubicBezTo>
                <a:cubicBezTo>
                  <a:pt x="1564697" y="336709"/>
                  <a:pt x="1557640" y="349376"/>
                  <a:pt x="1555227" y="366266"/>
                </a:cubicBezTo>
                <a:lnTo>
                  <a:pt x="1371370" y="366266"/>
                </a:lnTo>
                <a:cubicBezTo>
                  <a:pt x="1373783" y="331280"/>
                  <a:pt x="1384822" y="299552"/>
                  <a:pt x="1404486" y="271080"/>
                </a:cubicBezTo>
                <a:cubicBezTo>
                  <a:pt x="1424151" y="242609"/>
                  <a:pt x="1452682" y="219989"/>
                  <a:pt x="1490081" y="203220"/>
                </a:cubicBezTo>
                <a:cubicBezTo>
                  <a:pt x="1527480" y="186451"/>
                  <a:pt x="1572841" y="178066"/>
                  <a:pt x="1626164" y="178066"/>
                </a:cubicBezTo>
                <a:close/>
                <a:moveTo>
                  <a:pt x="2633013" y="0"/>
                </a:moveTo>
                <a:lnTo>
                  <a:pt x="2832795" y="0"/>
                </a:lnTo>
                <a:lnTo>
                  <a:pt x="2832795" y="372057"/>
                </a:lnTo>
                <a:lnTo>
                  <a:pt x="2840033" y="372057"/>
                </a:lnTo>
                <a:lnTo>
                  <a:pt x="2974669" y="185305"/>
                </a:lnTo>
                <a:lnTo>
                  <a:pt x="3199061" y="185305"/>
                </a:lnTo>
                <a:lnTo>
                  <a:pt x="3010137" y="428879"/>
                </a:lnTo>
                <a:lnTo>
                  <a:pt x="3204851" y="741218"/>
                </a:lnTo>
                <a:lnTo>
                  <a:pt x="2976116" y="741218"/>
                </a:lnTo>
                <a:lnTo>
                  <a:pt x="2862834" y="545418"/>
                </a:lnTo>
                <a:lnTo>
                  <a:pt x="2832795" y="583420"/>
                </a:lnTo>
                <a:lnTo>
                  <a:pt x="2832795" y="741218"/>
                </a:lnTo>
                <a:lnTo>
                  <a:pt x="2633013" y="741218"/>
                </a:lnTo>
                <a:close/>
                <a:moveTo>
                  <a:pt x="718488" y="0"/>
                </a:moveTo>
                <a:lnTo>
                  <a:pt x="911031" y="0"/>
                </a:lnTo>
                <a:lnTo>
                  <a:pt x="911031" y="290986"/>
                </a:lnTo>
                <a:lnTo>
                  <a:pt x="916822" y="290986"/>
                </a:lnTo>
                <a:cubicBezTo>
                  <a:pt x="929369" y="255276"/>
                  <a:pt x="950300" y="227529"/>
                  <a:pt x="979616" y="207744"/>
                </a:cubicBezTo>
                <a:cubicBezTo>
                  <a:pt x="1008932" y="187959"/>
                  <a:pt x="1043978" y="178066"/>
                  <a:pt x="1084754" y="178066"/>
                </a:cubicBezTo>
                <a:cubicBezTo>
                  <a:pt x="1123360" y="178066"/>
                  <a:pt x="1157380" y="186933"/>
                  <a:pt x="1186817" y="204667"/>
                </a:cubicBezTo>
                <a:cubicBezTo>
                  <a:pt x="1216253" y="222402"/>
                  <a:pt x="1238934" y="247073"/>
                  <a:pt x="1254858" y="278681"/>
                </a:cubicBezTo>
                <a:cubicBezTo>
                  <a:pt x="1270783" y="310289"/>
                  <a:pt x="1278745" y="346240"/>
                  <a:pt x="1278745" y="386534"/>
                </a:cubicBezTo>
                <a:lnTo>
                  <a:pt x="1278745" y="741218"/>
                </a:lnTo>
                <a:lnTo>
                  <a:pt x="1078964" y="741218"/>
                </a:lnTo>
                <a:lnTo>
                  <a:pt x="1078964" y="428517"/>
                </a:lnTo>
                <a:cubicBezTo>
                  <a:pt x="1079205" y="400769"/>
                  <a:pt x="1072329" y="379114"/>
                  <a:pt x="1058334" y="363552"/>
                </a:cubicBezTo>
                <a:cubicBezTo>
                  <a:pt x="1044340" y="347989"/>
                  <a:pt x="1024675" y="340208"/>
                  <a:pt x="999341" y="340208"/>
                </a:cubicBezTo>
                <a:cubicBezTo>
                  <a:pt x="974730" y="340208"/>
                  <a:pt x="955126" y="348110"/>
                  <a:pt x="940528" y="363913"/>
                </a:cubicBezTo>
                <a:cubicBezTo>
                  <a:pt x="925931" y="379717"/>
                  <a:pt x="918511" y="401252"/>
                  <a:pt x="918270" y="428517"/>
                </a:cubicBezTo>
                <a:lnTo>
                  <a:pt x="918270" y="741218"/>
                </a:lnTo>
                <a:lnTo>
                  <a:pt x="718488" y="741218"/>
                </a:lnTo>
                <a:close/>
                <a:moveTo>
                  <a:pt x="0" y="0"/>
                </a:moveTo>
                <a:lnTo>
                  <a:pt x="644223" y="0"/>
                </a:lnTo>
                <a:lnTo>
                  <a:pt x="644223" y="162141"/>
                </a:lnTo>
                <a:lnTo>
                  <a:pt x="421279" y="162141"/>
                </a:lnTo>
                <a:lnTo>
                  <a:pt x="421279" y="741218"/>
                </a:lnTo>
                <a:lnTo>
                  <a:pt x="222945" y="741218"/>
                </a:lnTo>
                <a:lnTo>
                  <a:pt x="222945" y="162141"/>
                </a:lnTo>
                <a:lnTo>
                  <a:pt x="0" y="162141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noProof="0" dirty="0" err="1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F60423B-0833-413C-8670-D2F1D86B4D98}"/>
              </a:ext>
            </a:extLst>
          </p:cNvPr>
          <p:cNvSpPr txBox="1"/>
          <p:nvPr userDrawn="1"/>
        </p:nvSpPr>
        <p:spPr>
          <a:xfrm>
            <a:off x="7350780" y="1474967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8000" dirty="0">
              <a:solidFill>
                <a:schemeClr val="accent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16113730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s">
    <p:bg>
      <p:bgPr>
        <a:gradFill>
          <a:gsLst>
            <a:gs pos="0">
              <a:schemeClr val="accent6"/>
            </a:gs>
            <a:gs pos="95000">
              <a:schemeClr val="accent1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B99E036B-4CAD-4D2B-963A-EA155AD21A3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4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2" y="3104303"/>
            <a:ext cx="2091979" cy="716258"/>
          </a:xfrm>
          <a:prstGeom prst="rect">
            <a:avLst/>
          </a:prstGeom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50000"/>
            <a:ext cx="165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850000"/>
            <a:ext cx="1656000" cy="1476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1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" b="0" cap="none" baseline="0"/>
            </a:lvl9pPr>
          </a:lstStyle>
          <a:p>
            <a:pPr lvl="0"/>
            <a:r>
              <a:rPr lang="en-GB" dirty="0"/>
              <a:t>Click to add Contact information</a:t>
            </a: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57BCA77D-A437-4BE5-9F1B-499DFCDA409D}"/>
              </a:ext>
            </a:extLst>
          </p:cNvPr>
          <p:cNvSpPr/>
          <p:nvPr userDrawn="1"/>
        </p:nvSpPr>
        <p:spPr>
          <a:xfrm>
            <a:off x="2001182" y="924536"/>
            <a:ext cx="5269721" cy="949686"/>
          </a:xfrm>
          <a:custGeom>
            <a:avLst/>
            <a:gdLst/>
            <a:ahLst/>
            <a:cxnLst/>
            <a:rect l="l" t="t" r="r" b="b"/>
            <a:pathLst>
              <a:path w="5269720" h="949686">
                <a:moveTo>
                  <a:pt x="1684072" y="498006"/>
                </a:moveTo>
                <a:cubicBezTo>
                  <a:pt x="1664287" y="506210"/>
                  <a:pt x="1637746" y="512965"/>
                  <a:pt x="1604449" y="518274"/>
                </a:cubicBezTo>
                <a:cubicBezTo>
                  <a:pt x="1582010" y="521893"/>
                  <a:pt x="1565301" y="528709"/>
                  <a:pt x="1554322" y="538722"/>
                </a:cubicBezTo>
                <a:cubicBezTo>
                  <a:pt x="1543344" y="548736"/>
                  <a:pt x="1537855" y="561222"/>
                  <a:pt x="1537855" y="576181"/>
                </a:cubicBezTo>
                <a:cubicBezTo>
                  <a:pt x="1537855" y="591382"/>
                  <a:pt x="1543163" y="603145"/>
                  <a:pt x="1553780" y="611469"/>
                </a:cubicBezTo>
                <a:cubicBezTo>
                  <a:pt x="1564396" y="619793"/>
                  <a:pt x="1578390" y="623955"/>
                  <a:pt x="1595763" y="623955"/>
                </a:cubicBezTo>
                <a:cubicBezTo>
                  <a:pt x="1611205" y="623955"/>
                  <a:pt x="1625682" y="620758"/>
                  <a:pt x="1639193" y="614364"/>
                </a:cubicBezTo>
                <a:cubicBezTo>
                  <a:pt x="1652705" y="607970"/>
                  <a:pt x="1663563" y="598741"/>
                  <a:pt x="1671766" y="586677"/>
                </a:cubicBezTo>
                <a:cubicBezTo>
                  <a:pt x="1679970" y="574613"/>
                  <a:pt x="1684072" y="560498"/>
                  <a:pt x="1684072" y="544332"/>
                </a:cubicBezTo>
                <a:close/>
                <a:moveTo>
                  <a:pt x="4340559" y="322835"/>
                </a:moveTo>
                <a:cubicBezTo>
                  <a:pt x="4322946" y="322835"/>
                  <a:pt x="4307685" y="328445"/>
                  <a:pt x="4294776" y="339665"/>
                </a:cubicBezTo>
                <a:cubicBezTo>
                  <a:pt x="4281867" y="350884"/>
                  <a:pt x="4272035" y="367050"/>
                  <a:pt x="4265279" y="388162"/>
                </a:cubicBezTo>
                <a:cubicBezTo>
                  <a:pt x="4258523" y="409274"/>
                  <a:pt x="4255145" y="434308"/>
                  <a:pt x="4255145" y="463261"/>
                </a:cubicBezTo>
                <a:cubicBezTo>
                  <a:pt x="4255145" y="492215"/>
                  <a:pt x="4258523" y="517248"/>
                  <a:pt x="4265279" y="538360"/>
                </a:cubicBezTo>
                <a:cubicBezTo>
                  <a:pt x="4272035" y="559473"/>
                  <a:pt x="4281867" y="575638"/>
                  <a:pt x="4294776" y="586858"/>
                </a:cubicBezTo>
                <a:cubicBezTo>
                  <a:pt x="4307685" y="598078"/>
                  <a:pt x="4322946" y="603687"/>
                  <a:pt x="4340559" y="603687"/>
                </a:cubicBezTo>
                <a:cubicBezTo>
                  <a:pt x="4357449" y="603687"/>
                  <a:pt x="4372046" y="598017"/>
                  <a:pt x="4384352" y="586677"/>
                </a:cubicBezTo>
                <a:cubicBezTo>
                  <a:pt x="4396657" y="575337"/>
                  <a:pt x="4406188" y="559111"/>
                  <a:pt x="4412944" y="537998"/>
                </a:cubicBezTo>
                <a:cubicBezTo>
                  <a:pt x="4419700" y="516886"/>
                  <a:pt x="4423078" y="491974"/>
                  <a:pt x="4423078" y="463261"/>
                </a:cubicBezTo>
                <a:cubicBezTo>
                  <a:pt x="4423078" y="434549"/>
                  <a:pt x="4419700" y="409636"/>
                  <a:pt x="4412944" y="388524"/>
                </a:cubicBezTo>
                <a:cubicBezTo>
                  <a:pt x="4406188" y="367412"/>
                  <a:pt x="4396657" y="351186"/>
                  <a:pt x="4384352" y="339846"/>
                </a:cubicBezTo>
                <a:cubicBezTo>
                  <a:pt x="4372046" y="328505"/>
                  <a:pt x="4357449" y="322835"/>
                  <a:pt x="4340559" y="322835"/>
                </a:cubicBezTo>
                <a:close/>
                <a:moveTo>
                  <a:pt x="4709464" y="185305"/>
                </a:moveTo>
                <a:lnTo>
                  <a:pt x="4909245" y="185305"/>
                </a:lnTo>
                <a:lnTo>
                  <a:pt x="4909245" y="498006"/>
                </a:lnTo>
                <a:cubicBezTo>
                  <a:pt x="4909486" y="525753"/>
                  <a:pt x="4916544" y="547408"/>
                  <a:pt x="4930418" y="562971"/>
                </a:cubicBezTo>
                <a:cubicBezTo>
                  <a:pt x="4944291" y="578534"/>
                  <a:pt x="4963774" y="586315"/>
                  <a:pt x="4988868" y="586315"/>
                </a:cubicBezTo>
                <a:cubicBezTo>
                  <a:pt x="5013720" y="586315"/>
                  <a:pt x="5033505" y="578413"/>
                  <a:pt x="5048223" y="562609"/>
                </a:cubicBezTo>
                <a:cubicBezTo>
                  <a:pt x="5062942" y="546805"/>
                  <a:pt x="5070180" y="525271"/>
                  <a:pt x="5069939" y="498006"/>
                </a:cubicBezTo>
                <a:lnTo>
                  <a:pt x="5069939" y="185305"/>
                </a:lnTo>
                <a:lnTo>
                  <a:pt x="5269720" y="185305"/>
                </a:lnTo>
                <a:lnTo>
                  <a:pt x="5269720" y="741218"/>
                </a:lnTo>
                <a:lnTo>
                  <a:pt x="5080073" y="741218"/>
                </a:lnTo>
                <a:lnTo>
                  <a:pt x="5080073" y="635537"/>
                </a:lnTo>
                <a:lnTo>
                  <a:pt x="5074282" y="635537"/>
                </a:lnTo>
                <a:cubicBezTo>
                  <a:pt x="5062218" y="671005"/>
                  <a:pt x="5041106" y="698692"/>
                  <a:pt x="5010945" y="718598"/>
                </a:cubicBezTo>
                <a:cubicBezTo>
                  <a:pt x="4980785" y="738504"/>
                  <a:pt x="4944955" y="748457"/>
                  <a:pt x="4903454" y="748457"/>
                </a:cubicBezTo>
                <a:cubicBezTo>
                  <a:pt x="4865090" y="748457"/>
                  <a:pt x="4831251" y="739589"/>
                  <a:pt x="4801935" y="721855"/>
                </a:cubicBezTo>
                <a:cubicBezTo>
                  <a:pt x="4772619" y="704121"/>
                  <a:pt x="4749878" y="679450"/>
                  <a:pt x="4733712" y="647842"/>
                </a:cubicBezTo>
                <a:cubicBezTo>
                  <a:pt x="4717546" y="616234"/>
                  <a:pt x="4709464" y="580283"/>
                  <a:pt x="4709464" y="539989"/>
                </a:cubicBezTo>
                <a:close/>
                <a:moveTo>
                  <a:pt x="3407285" y="185305"/>
                </a:moveTo>
                <a:lnTo>
                  <a:pt x="3615753" y="185305"/>
                </a:lnTo>
                <a:lnTo>
                  <a:pt x="3705509" y="570391"/>
                </a:lnTo>
                <a:lnTo>
                  <a:pt x="3711300" y="570391"/>
                </a:lnTo>
                <a:lnTo>
                  <a:pt x="3802505" y="185305"/>
                </a:lnTo>
                <a:lnTo>
                  <a:pt x="4012420" y="185305"/>
                </a:lnTo>
                <a:lnTo>
                  <a:pt x="3809743" y="787544"/>
                </a:lnTo>
                <a:cubicBezTo>
                  <a:pt x="3792853" y="837972"/>
                  <a:pt x="3765709" y="877603"/>
                  <a:pt x="3728311" y="906436"/>
                </a:cubicBezTo>
                <a:cubicBezTo>
                  <a:pt x="3690912" y="935269"/>
                  <a:pt x="3639398" y="949686"/>
                  <a:pt x="3573769" y="949686"/>
                </a:cubicBezTo>
                <a:cubicBezTo>
                  <a:pt x="3550848" y="949686"/>
                  <a:pt x="3529012" y="947997"/>
                  <a:pt x="3508261" y="944619"/>
                </a:cubicBezTo>
                <a:cubicBezTo>
                  <a:pt x="3487511" y="941241"/>
                  <a:pt x="3469294" y="936415"/>
                  <a:pt x="3453611" y="930142"/>
                </a:cubicBezTo>
                <a:lnTo>
                  <a:pt x="3497042" y="788268"/>
                </a:lnTo>
                <a:cubicBezTo>
                  <a:pt x="3520446" y="796472"/>
                  <a:pt x="3539628" y="800574"/>
                  <a:pt x="3554588" y="800574"/>
                </a:cubicBezTo>
                <a:cubicBezTo>
                  <a:pt x="3576544" y="800574"/>
                  <a:pt x="3591142" y="792370"/>
                  <a:pt x="3598380" y="775963"/>
                </a:cubicBezTo>
                <a:lnTo>
                  <a:pt x="3602723" y="765829"/>
                </a:lnTo>
                <a:close/>
                <a:moveTo>
                  <a:pt x="4339111" y="178066"/>
                </a:moveTo>
                <a:cubicBezTo>
                  <a:pt x="4398467" y="178066"/>
                  <a:pt x="4449860" y="190009"/>
                  <a:pt x="4493291" y="213896"/>
                </a:cubicBezTo>
                <a:cubicBezTo>
                  <a:pt x="4536721" y="237783"/>
                  <a:pt x="4569898" y="271321"/>
                  <a:pt x="4592819" y="314511"/>
                </a:cubicBezTo>
                <a:cubicBezTo>
                  <a:pt x="4615741" y="357701"/>
                  <a:pt x="4627202" y="407766"/>
                  <a:pt x="4627202" y="464709"/>
                </a:cubicBezTo>
                <a:cubicBezTo>
                  <a:pt x="4627202" y="521652"/>
                  <a:pt x="4615741" y="571718"/>
                  <a:pt x="4592819" y="614907"/>
                </a:cubicBezTo>
                <a:cubicBezTo>
                  <a:pt x="4569898" y="658097"/>
                  <a:pt x="4536721" y="691635"/>
                  <a:pt x="4493291" y="715522"/>
                </a:cubicBezTo>
                <a:cubicBezTo>
                  <a:pt x="4449860" y="739409"/>
                  <a:pt x="4398467" y="751352"/>
                  <a:pt x="4339111" y="751352"/>
                </a:cubicBezTo>
                <a:cubicBezTo>
                  <a:pt x="4279756" y="751352"/>
                  <a:pt x="4228363" y="739409"/>
                  <a:pt x="4184932" y="715522"/>
                </a:cubicBezTo>
                <a:cubicBezTo>
                  <a:pt x="4141502" y="691635"/>
                  <a:pt x="4108325" y="658097"/>
                  <a:pt x="4085403" y="614907"/>
                </a:cubicBezTo>
                <a:cubicBezTo>
                  <a:pt x="4062482" y="571718"/>
                  <a:pt x="4051021" y="521652"/>
                  <a:pt x="4051021" y="464709"/>
                </a:cubicBezTo>
                <a:cubicBezTo>
                  <a:pt x="4051021" y="407766"/>
                  <a:pt x="4062482" y="357701"/>
                  <a:pt x="4085403" y="314511"/>
                </a:cubicBezTo>
                <a:cubicBezTo>
                  <a:pt x="4108325" y="271321"/>
                  <a:pt x="4141502" y="237783"/>
                  <a:pt x="4184932" y="213896"/>
                </a:cubicBezTo>
                <a:cubicBezTo>
                  <a:pt x="4228363" y="190009"/>
                  <a:pt x="4279756" y="178066"/>
                  <a:pt x="4339111" y="178066"/>
                </a:cubicBezTo>
                <a:close/>
                <a:moveTo>
                  <a:pt x="2342054" y="178066"/>
                </a:moveTo>
                <a:cubicBezTo>
                  <a:pt x="2380659" y="178066"/>
                  <a:pt x="2414680" y="186993"/>
                  <a:pt x="2444117" y="204848"/>
                </a:cubicBezTo>
                <a:cubicBezTo>
                  <a:pt x="2473553" y="222703"/>
                  <a:pt x="2496233" y="247435"/>
                  <a:pt x="2512158" y="279043"/>
                </a:cubicBezTo>
                <a:cubicBezTo>
                  <a:pt x="2528083" y="310651"/>
                  <a:pt x="2536045" y="346481"/>
                  <a:pt x="2536045" y="386534"/>
                </a:cubicBezTo>
                <a:lnTo>
                  <a:pt x="2536045" y="741218"/>
                </a:lnTo>
                <a:lnTo>
                  <a:pt x="2336264" y="741218"/>
                </a:lnTo>
                <a:lnTo>
                  <a:pt x="2336264" y="428517"/>
                </a:lnTo>
                <a:cubicBezTo>
                  <a:pt x="2336505" y="401011"/>
                  <a:pt x="2329568" y="379416"/>
                  <a:pt x="2315453" y="363733"/>
                </a:cubicBezTo>
                <a:cubicBezTo>
                  <a:pt x="2301338" y="348049"/>
                  <a:pt x="2281734" y="340208"/>
                  <a:pt x="2256641" y="340208"/>
                </a:cubicBezTo>
                <a:cubicBezTo>
                  <a:pt x="2231789" y="340208"/>
                  <a:pt x="2212124" y="348049"/>
                  <a:pt x="2197647" y="363733"/>
                </a:cubicBezTo>
                <a:cubicBezTo>
                  <a:pt x="2183170" y="379416"/>
                  <a:pt x="2175811" y="401011"/>
                  <a:pt x="2175570" y="428517"/>
                </a:cubicBezTo>
                <a:lnTo>
                  <a:pt x="2175570" y="741218"/>
                </a:lnTo>
                <a:lnTo>
                  <a:pt x="1975788" y="741218"/>
                </a:lnTo>
                <a:lnTo>
                  <a:pt x="1975788" y="185305"/>
                </a:lnTo>
                <a:lnTo>
                  <a:pt x="2165436" y="185305"/>
                </a:lnTo>
                <a:lnTo>
                  <a:pt x="2165436" y="290986"/>
                </a:lnTo>
                <a:lnTo>
                  <a:pt x="2171227" y="290986"/>
                </a:lnTo>
                <a:cubicBezTo>
                  <a:pt x="2179189" y="267823"/>
                  <a:pt x="2191434" y="247736"/>
                  <a:pt x="2207962" y="230726"/>
                </a:cubicBezTo>
                <a:cubicBezTo>
                  <a:pt x="2224490" y="213715"/>
                  <a:pt x="2244214" y="200686"/>
                  <a:pt x="2267136" y="191638"/>
                </a:cubicBezTo>
                <a:cubicBezTo>
                  <a:pt x="2290058" y="182590"/>
                  <a:pt x="2315031" y="178066"/>
                  <a:pt x="2342054" y="178066"/>
                </a:cubicBezTo>
                <a:close/>
                <a:moveTo>
                  <a:pt x="1626164" y="178066"/>
                </a:moveTo>
                <a:cubicBezTo>
                  <a:pt x="1677799" y="178066"/>
                  <a:pt x="1723039" y="186028"/>
                  <a:pt x="1761885" y="201953"/>
                </a:cubicBezTo>
                <a:cubicBezTo>
                  <a:pt x="1800732" y="217878"/>
                  <a:pt x="1830530" y="239714"/>
                  <a:pt x="1851280" y="267461"/>
                </a:cubicBezTo>
                <a:cubicBezTo>
                  <a:pt x="1872030" y="295208"/>
                  <a:pt x="1882406" y="326213"/>
                  <a:pt x="1882406" y="360475"/>
                </a:cubicBezTo>
                <a:lnTo>
                  <a:pt x="1882406" y="741218"/>
                </a:lnTo>
                <a:lnTo>
                  <a:pt x="1695653" y="741218"/>
                </a:lnTo>
                <a:lnTo>
                  <a:pt x="1695653" y="663043"/>
                </a:lnTo>
                <a:lnTo>
                  <a:pt x="1691310" y="663043"/>
                </a:lnTo>
                <a:cubicBezTo>
                  <a:pt x="1674903" y="693203"/>
                  <a:pt x="1653369" y="715220"/>
                  <a:pt x="1626707" y="729094"/>
                </a:cubicBezTo>
                <a:cubicBezTo>
                  <a:pt x="1600045" y="742967"/>
                  <a:pt x="1568015" y="749904"/>
                  <a:pt x="1530617" y="749904"/>
                </a:cubicBezTo>
                <a:cubicBezTo>
                  <a:pt x="1494424" y="749904"/>
                  <a:pt x="1462756" y="743993"/>
                  <a:pt x="1435612" y="732170"/>
                </a:cubicBezTo>
                <a:cubicBezTo>
                  <a:pt x="1408468" y="720347"/>
                  <a:pt x="1387355" y="702311"/>
                  <a:pt x="1372275" y="678063"/>
                </a:cubicBezTo>
                <a:cubicBezTo>
                  <a:pt x="1357195" y="653814"/>
                  <a:pt x="1349655" y="623714"/>
                  <a:pt x="1349655" y="587763"/>
                </a:cubicBezTo>
                <a:cubicBezTo>
                  <a:pt x="1349655" y="530338"/>
                  <a:pt x="1368053" y="487691"/>
                  <a:pt x="1404848" y="459823"/>
                </a:cubicBezTo>
                <a:cubicBezTo>
                  <a:pt x="1441644" y="431955"/>
                  <a:pt x="1491288" y="415729"/>
                  <a:pt x="1553780" y="411144"/>
                </a:cubicBezTo>
                <a:cubicBezTo>
                  <a:pt x="1586353" y="408732"/>
                  <a:pt x="1611747" y="405776"/>
                  <a:pt x="1629964" y="402277"/>
                </a:cubicBezTo>
                <a:cubicBezTo>
                  <a:pt x="1648181" y="398779"/>
                  <a:pt x="1661512" y="393832"/>
                  <a:pt x="1669957" y="387438"/>
                </a:cubicBezTo>
                <a:cubicBezTo>
                  <a:pt x="1678402" y="381045"/>
                  <a:pt x="1682624" y="372539"/>
                  <a:pt x="1682624" y="361923"/>
                </a:cubicBezTo>
                <a:lnTo>
                  <a:pt x="1682624" y="360475"/>
                </a:lnTo>
                <a:cubicBezTo>
                  <a:pt x="1682624" y="346240"/>
                  <a:pt x="1677195" y="335201"/>
                  <a:pt x="1666338" y="327359"/>
                </a:cubicBezTo>
                <a:cubicBezTo>
                  <a:pt x="1655480" y="319518"/>
                  <a:pt x="1641124" y="315597"/>
                  <a:pt x="1623269" y="315597"/>
                </a:cubicBezTo>
                <a:cubicBezTo>
                  <a:pt x="1603725" y="315597"/>
                  <a:pt x="1588102" y="319819"/>
                  <a:pt x="1576400" y="328264"/>
                </a:cubicBezTo>
                <a:cubicBezTo>
                  <a:pt x="1564697" y="336709"/>
                  <a:pt x="1557640" y="349376"/>
                  <a:pt x="1555227" y="366266"/>
                </a:cubicBezTo>
                <a:lnTo>
                  <a:pt x="1371370" y="366266"/>
                </a:lnTo>
                <a:cubicBezTo>
                  <a:pt x="1373783" y="331280"/>
                  <a:pt x="1384822" y="299552"/>
                  <a:pt x="1404486" y="271080"/>
                </a:cubicBezTo>
                <a:cubicBezTo>
                  <a:pt x="1424151" y="242609"/>
                  <a:pt x="1452682" y="219989"/>
                  <a:pt x="1490081" y="203220"/>
                </a:cubicBezTo>
                <a:cubicBezTo>
                  <a:pt x="1527480" y="186451"/>
                  <a:pt x="1572841" y="178066"/>
                  <a:pt x="1626164" y="178066"/>
                </a:cubicBezTo>
                <a:close/>
                <a:moveTo>
                  <a:pt x="2633013" y="0"/>
                </a:moveTo>
                <a:lnTo>
                  <a:pt x="2832795" y="0"/>
                </a:lnTo>
                <a:lnTo>
                  <a:pt x="2832795" y="372057"/>
                </a:lnTo>
                <a:lnTo>
                  <a:pt x="2840033" y="372057"/>
                </a:lnTo>
                <a:lnTo>
                  <a:pt x="2974669" y="185305"/>
                </a:lnTo>
                <a:lnTo>
                  <a:pt x="3199061" y="185305"/>
                </a:lnTo>
                <a:lnTo>
                  <a:pt x="3010137" y="428879"/>
                </a:lnTo>
                <a:lnTo>
                  <a:pt x="3204851" y="741218"/>
                </a:lnTo>
                <a:lnTo>
                  <a:pt x="2976116" y="741218"/>
                </a:lnTo>
                <a:lnTo>
                  <a:pt x="2862834" y="545418"/>
                </a:lnTo>
                <a:lnTo>
                  <a:pt x="2832795" y="583420"/>
                </a:lnTo>
                <a:lnTo>
                  <a:pt x="2832795" y="741218"/>
                </a:lnTo>
                <a:lnTo>
                  <a:pt x="2633013" y="741218"/>
                </a:lnTo>
                <a:close/>
                <a:moveTo>
                  <a:pt x="718488" y="0"/>
                </a:moveTo>
                <a:lnTo>
                  <a:pt x="911031" y="0"/>
                </a:lnTo>
                <a:lnTo>
                  <a:pt x="911031" y="290986"/>
                </a:lnTo>
                <a:lnTo>
                  <a:pt x="916822" y="290986"/>
                </a:lnTo>
                <a:cubicBezTo>
                  <a:pt x="929369" y="255276"/>
                  <a:pt x="950300" y="227529"/>
                  <a:pt x="979616" y="207744"/>
                </a:cubicBezTo>
                <a:cubicBezTo>
                  <a:pt x="1008932" y="187959"/>
                  <a:pt x="1043978" y="178066"/>
                  <a:pt x="1084754" y="178066"/>
                </a:cubicBezTo>
                <a:cubicBezTo>
                  <a:pt x="1123360" y="178066"/>
                  <a:pt x="1157380" y="186933"/>
                  <a:pt x="1186817" y="204667"/>
                </a:cubicBezTo>
                <a:cubicBezTo>
                  <a:pt x="1216253" y="222402"/>
                  <a:pt x="1238934" y="247073"/>
                  <a:pt x="1254858" y="278681"/>
                </a:cubicBezTo>
                <a:cubicBezTo>
                  <a:pt x="1270783" y="310289"/>
                  <a:pt x="1278745" y="346240"/>
                  <a:pt x="1278745" y="386534"/>
                </a:cubicBezTo>
                <a:lnTo>
                  <a:pt x="1278745" y="741218"/>
                </a:lnTo>
                <a:lnTo>
                  <a:pt x="1078964" y="741218"/>
                </a:lnTo>
                <a:lnTo>
                  <a:pt x="1078964" y="428517"/>
                </a:lnTo>
                <a:cubicBezTo>
                  <a:pt x="1079205" y="400769"/>
                  <a:pt x="1072329" y="379114"/>
                  <a:pt x="1058334" y="363552"/>
                </a:cubicBezTo>
                <a:cubicBezTo>
                  <a:pt x="1044340" y="347989"/>
                  <a:pt x="1024675" y="340208"/>
                  <a:pt x="999341" y="340208"/>
                </a:cubicBezTo>
                <a:cubicBezTo>
                  <a:pt x="974730" y="340208"/>
                  <a:pt x="955126" y="348110"/>
                  <a:pt x="940528" y="363913"/>
                </a:cubicBezTo>
                <a:cubicBezTo>
                  <a:pt x="925931" y="379717"/>
                  <a:pt x="918511" y="401252"/>
                  <a:pt x="918270" y="428517"/>
                </a:cubicBezTo>
                <a:lnTo>
                  <a:pt x="918270" y="741218"/>
                </a:lnTo>
                <a:lnTo>
                  <a:pt x="718488" y="741218"/>
                </a:lnTo>
                <a:close/>
                <a:moveTo>
                  <a:pt x="0" y="0"/>
                </a:moveTo>
                <a:lnTo>
                  <a:pt x="644223" y="0"/>
                </a:lnTo>
                <a:lnTo>
                  <a:pt x="644223" y="162141"/>
                </a:lnTo>
                <a:lnTo>
                  <a:pt x="421279" y="162141"/>
                </a:lnTo>
                <a:lnTo>
                  <a:pt x="421279" y="741218"/>
                </a:lnTo>
                <a:lnTo>
                  <a:pt x="222945" y="741218"/>
                </a:lnTo>
                <a:lnTo>
                  <a:pt x="222945" y="162141"/>
                </a:lnTo>
                <a:lnTo>
                  <a:pt x="0" y="162141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8" tIns="3604" rIns="7208" bIns="3604" rtlCol="0" anchor="ctr">
            <a:noAutofit/>
          </a:bodyPr>
          <a:lstStyle/>
          <a:p>
            <a:pPr algn="ctr"/>
            <a:endParaRPr lang="en-GB" sz="181" noProof="0" dirty="0" err="1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F60423B-0833-413C-8670-D2F1D86B4D98}"/>
              </a:ext>
            </a:extLst>
          </p:cNvPr>
          <p:cNvSpPr txBox="1"/>
          <p:nvPr userDrawn="1"/>
        </p:nvSpPr>
        <p:spPr>
          <a:xfrm>
            <a:off x="7350781" y="1474968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54" tIns="4577" rIns="9154" bIns="4577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801" dirty="0">
              <a:solidFill>
                <a:schemeClr val="accent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10354237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91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48862252"/>
      </p:ext>
    </p:extLst>
  </p:cSld>
  <p:clrMapOvr>
    <a:masterClrMapping/>
  </p:clrMapOvr>
</p:sldLayout>
</file>

<file path=ppt/slideLayouts/slideLayout3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yellow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91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92771DE-7B31-480C-9091-703575BD6824}"/>
              </a:ext>
            </a:extLst>
          </p:cNvPr>
          <p:cNvSpPr/>
          <p:nvPr userDrawn="1"/>
        </p:nvSpPr>
        <p:spPr>
          <a:xfrm rot="5400000" flipV="1">
            <a:off x="-2068402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8" tIns="3604" rIns="7208" bIns="3604" rtlCol="0" anchor="ctr"/>
          <a:lstStyle/>
          <a:p>
            <a:pPr algn="ctr"/>
            <a:endParaRPr lang="en-GB" sz="200" dirty="0" err="1"/>
          </a:p>
        </p:txBody>
      </p:sp>
    </p:spTree>
    <p:extLst>
      <p:ext uri="{BB962C8B-B14F-4D97-AF65-F5344CB8AC3E}">
        <p14:creationId xmlns:p14="http://schemas.microsoft.com/office/powerpoint/2010/main" val="1957384616"/>
      </p:ext>
    </p:extLst>
  </p:cSld>
  <p:clrMapOvr>
    <a:masterClrMapping/>
  </p:clrMapOvr>
</p:sldLayout>
</file>

<file path=ppt/slideLayouts/slideLayout3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58930303"/>
      </p:ext>
    </p:extLst>
  </p:cSld>
  <p:clrMapOvr>
    <a:masterClrMapping/>
  </p:clrMapOvr>
</p:sldLayout>
</file>

<file path=ppt/slideLayouts/slideLayout324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8E191F-9315-439E-B3E1-E244B439CE9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421B79-34B3-49E9-88AB-D05336546B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5FA46-FFD0-4832-8708-FF45CE149A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28723819"/>
      </p:ext>
    </p:extLst>
  </p:cSld>
  <p:clrMapOvr>
    <a:masterClrMapping/>
  </p:clrMapOvr>
</p:sldLayout>
</file>

<file path=ppt/slideLayouts/slideLayout32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1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1" b="0" noProof="1">
                <a:solidFill>
                  <a:schemeClr val="tx1"/>
                </a:solidFill>
                <a:latin typeface="+mj-lt"/>
                <a:cs typeface="Dstny Body" panose="02000603000000020004" pitchFamily="2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1227" y="1733518"/>
            <a:ext cx="2916000" cy="321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16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sz="160" dirty="0">
                <a:latin typeface="+mn-lt"/>
                <a:cs typeface="Dstny Body" panose="02000603000000020004" pitchFamily="2" charset="0"/>
              </a:rPr>
              <a:t>TEXT STYLES</a:t>
            </a:r>
            <a:endParaRPr lang="en-GB" altLang="da-DK" sz="16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</a:t>
            </a:r>
            <a:r>
              <a:rPr lang="en-GB" altLang="da-DK" sz="1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jump through levels. Click </a:t>
            </a:r>
            <a:r>
              <a:rPr lang="en-GB" altLang="da-DK" sz="1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ENTER</a:t>
            </a:r>
            <a:r>
              <a:rPr lang="en-GB" altLang="da-DK" sz="1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, then </a:t>
            </a:r>
            <a:r>
              <a:rPr lang="en-GB" altLang="da-DK" sz="1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1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switch from one level to the next level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go back in levels use </a:t>
            </a:r>
            <a:r>
              <a:rPr lang="en-GB" altLang="da-DK" sz="1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-TAB</a:t>
            </a:r>
            <a:endParaRPr lang="en-GB" sz="1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lternatively, </a:t>
            </a:r>
            <a:r>
              <a:rPr lang="en-GB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crease</a:t>
            </a:r>
            <a:r>
              <a:rPr lang="en-GB" sz="1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and </a:t>
            </a:r>
            <a:r>
              <a:rPr lang="en-GB" sz="1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crease </a:t>
            </a:r>
            <a:r>
              <a:rPr lang="en-GB" sz="1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list level can be used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bullet button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lete bullet for regular text. Click on the bullet button to reaply the correct bullet again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sz="160" dirty="0">
                <a:latin typeface="+mn-lt"/>
                <a:cs typeface="Dstny Body" panose="02000603000000020004" pitchFamily="2" charset="0"/>
              </a:rPr>
              <a:t>SLIDES &amp; LAYOUTS</a:t>
            </a: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the menu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New Slide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to insert a new slide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hange layout</a:t>
            </a: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indent="0">
              <a:spcAft>
                <a:spcPts val="60"/>
              </a:spcAft>
              <a:buFont typeface="+mj-lt"/>
              <a:buNone/>
            </a:pPr>
            <a:r>
              <a:rPr lang="en-GB" sz="1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Click on the arrow next to </a:t>
            </a:r>
            <a:r>
              <a:rPr lang="en-GB" sz="100" b="1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Layout </a:t>
            </a:r>
            <a:r>
              <a:rPr lang="en-GB" sz="1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to view a dropdown menu of possible slide layouts</a:t>
            </a:r>
            <a:endParaRPr lang="en-GB" sz="100" dirty="0">
              <a:latin typeface="+mn-lt"/>
              <a:ea typeface="Dstny Body" panose="02000603000000020004" pitchFamily="2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62260" y="1742868"/>
            <a:ext cx="2936482" cy="32213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16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fontAlgn="auto">
              <a:spcBef>
                <a:spcPts val="120"/>
              </a:spcBef>
              <a:spcAft>
                <a:spcPts val="60"/>
              </a:spcAft>
              <a:buFont typeface="+mj-lt"/>
              <a:buNone/>
              <a:defRPr/>
            </a:pPr>
            <a:r>
              <a:rPr lang="en-GB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 slide</a:t>
            </a:r>
          </a:p>
          <a:p>
            <a:pPr marL="0" marR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</a:t>
            </a:r>
          </a:p>
          <a:p>
            <a:pPr marL="0" marR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</a:t>
            </a:r>
            <a:r>
              <a:rPr lang="en-GB" altLang="da-DK" sz="1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menu to reset position, size and formatting of the slide placeholders to their default settings</a:t>
            </a:r>
            <a:endParaRPr lang="en-GB" altLang="da-DK" sz="100" baseline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 typeface="+mj-lt"/>
              <a:buNone/>
              <a:tabLst/>
              <a:defRPr/>
            </a:pPr>
            <a:endParaRPr lang="en-GB" sz="1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sz="160" dirty="0">
                <a:latin typeface="+mn-lt"/>
                <a:cs typeface="Dstny Body" panose="02000603000000020004" pitchFamily="2" charset="0"/>
              </a:rPr>
              <a:t>PICTURES</a:t>
            </a:r>
            <a:endParaRPr lang="en-GB" sz="16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 slides with pictureplaceholder, click on the icon and choos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browse for picture</a:t>
            </a:r>
            <a:endParaRPr lang="en-GB" altLang="da-DK" sz="1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Bef>
                <a:spcPts val="120"/>
              </a:spcBef>
              <a:spcAft>
                <a:spcPts val="60"/>
              </a:spcAft>
              <a:defRPr/>
            </a:pPr>
            <a:r>
              <a:rPr lang="en-GB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 picture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change size or focus of the picture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want to scale the picture, hold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 down while dragging the corners of the picture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ight-click and choos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74443" y="1733518"/>
            <a:ext cx="2936482" cy="37138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16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544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"/>
              </a:spcAft>
              <a:buClrTx/>
              <a:buSzTx/>
              <a:buFontTx/>
              <a:buNone/>
              <a:tabLst/>
              <a:defRPr/>
            </a:pPr>
            <a:r>
              <a:rPr lang="en-GB" sz="160" dirty="0">
                <a:latin typeface="+mn-lt"/>
                <a:cs typeface="Dstny Body" panose="02000603000000020004" pitchFamily="2" charset="0"/>
              </a:rPr>
              <a:t>HEADER &amp; FOOTER</a:t>
            </a:r>
            <a:endParaRPr lang="en-GB" altLang="da-DK" sz="16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eader and Footer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(write the desired text)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 to All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if only used on one slide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sz="160" dirty="0">
                <a:latin typeface="+mn-lt"/>
                <a:cs typeface="Dstny Body" panose="02000603000000020004" pitchFamily="2" charset="0"/>
              </a:rPr>
              <a:t>GUIDES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View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and set tick mark next to </a:t>
            </a: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Guides</a:t>
            </a: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Alt + F9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for quick view of guides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Mac: </a:t>
            </a:r>
            <a:r>
              <a:rPr lang="en-GB" sz="100" b="0" i="0" dirty="0">
                <a:solidFill>
                  <a:srgbClr val="333333"/>
                </a:solidFill>
                <a:effectLst/>
                <a:latin typeface="Dstny Body"/>
              </a:rPr>
              <a:t>⌘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+ option + ctrl + G</a:t>
            </a:r>
            <a:b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1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6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OPY/PASTE CONTENT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Best practice: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eate a slide in your new presentation and copy </a:t>
            </a:r>
            <a:r>
              <a:rPr lang="en-GB" altLang="da-DK" sz="1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1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piece of content at a time (e.g. copy all text from </a:t>
            </a:r>
            <a:r>
              <a:rPr lang="en-GB" altLang="da-DK" sz="1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1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extbox)</a:t>
            </a:r>
            <a:endParaRPr lang="en-GB" altLang="da-DK" sz="100" b="1" i="0" u="sng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"/>
              </a:spcAft>
              <a:defRPr/>
            </a:pPr>
            <a:r>
              <a:rPr lang="en-GB" altLang="da-DK" sz="1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1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1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10501896-43DD-469D-A55E-AA24E780130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99612" y="3500899"/>
            <a:ext cx="257143" cy="28571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99609" y="5003956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22600" y="315575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99609" y="4178577"/>
            <a:ext cx="328882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95012" y="2259975"/>
            <a:ext cx="538466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298742" y="3887428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70782" y="2271263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9612" y="2809193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63024653"/>
      </p:ext>
    </p:extLst>
  </p:cSld>
  <p:clrMapOvr>
    <a:masterClrMapping/>
  </p:clrMapOvr>
</p:sldLayout>
</file>

<file path=ppt/slideLayouts/slideLayout326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assific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1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algn="l"/>
            <a:r>
              <a:rPr lang="en-GB" sz="321" kern="1200" cap="all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lassification Levels Policy </a:t>
            </a:r>
          </a:p>
        </p:txBody>
      </p:sp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8F31359-7304-45D0-84E0-C8364FD2AC19}"/>
              </a:ext>
            </a:extLst>
          </p:cNvPr>
          <p:cNvSpPr txBox="1"/>
          <p:nvPr userDrawn="1"/>
        </p:nvSpPr>
        <p:spPr>
          <a:xfrm>
            <a:off x="431801" y="1724026"/>
            <a:ext cx="8517991" cy="19479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81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Public</a:t>
            </a:r>
            <a:r>
              <a:rPr lang="en-GB" sz="181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can be made public and whose disclosure is not prejudicial to the interests of Dstny, including its staff and stakeholders in its activities</a:t>
            </a:r>
          </a:p>
          <a:p>
            <a:pPr algn="l"/>
            <a:endParaRPr lang="en-GB" sz="181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1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Restricted</a:t>
            </a:r>
            <a:r>
              <a:rPr lang="en-GB" sz="181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:</a:t>
            </a:r>
            <a:r>
              <a:rPr lang="en-GB" sz="181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 </a:t>
            </a:r>
            <a:r>
              <a:rPr lang="en-GB" sz="181" b="1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Any information accessible by Dstny staff and disseminated to outsiders on a need-to-know basis under the responsibility of an authorised Dstny worker</a:t>
            </a:r>
          </a:p>
          <a:p>
            <a:pPr algn="l"/>
            <a:endParaRPr lang="en-GB" sz="181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1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onfidential</a:t>
            </a:r>
            <a:r>
              <a:rPr lang="en-GB" sz="181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communicated to identified data subjects and whose unwanted disclosure could have significant consequences for Dstny </a:t>
            </a:r>
          </a:p>
          <a:p>
            <a:pPr algn="l"/>
            <a:endParaRPr lang="en-GB" sz="181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1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Secret</a:t>
            </a:r>
            <a:r>
              <a:rPr lang="en-GB" sz="181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disclosed to identified and mutually identifiable data subjects, and whose unwanted disclosure could have critical consequences for Dstny </a:t>
            </a:r>
            <a:endParaRPr lang="en-GB" sz="181" dirty="0"/>
          </a:p>
        </p:txBody>
      </p:sp>
    </p:spTree>
    <p:extLst>
      <p:ext uri="{BB962C8B-B14F-4D97-AF65-F5344CB8AC3E}">
        <p14:creationId xmlns:p14="http://schemas.microsoft.com/office/powerpoint/2010/main" val="4014814917"/>
      </p:ext>
    </p:extLst>
  </p:cSld>
  <p:clrMapOvr>
    <a:masterClrMapping/>
  </p:clrMapOvr>
</p:sldLayout>
</file>

<file path=ppt/slideLayouts/slideLayout32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8" tIns="7208" rIns="7208" bIns="7208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"/>
              </a:spcBef>
              <a:buClr>
                <a:srgbClr val="003755"/>
              </a:buClr>
            </a:pPr>
            <a:endParaRPr lang="en-GB" sz="14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8" cy="2215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" b="0" noProof="0" dirty="0">
                <a:solidFill>
                  <a:schemeClr val="bg1"/>
                </a:solidFill>
              </a:rPr>
              <a:t>If you see any </a:t>
            </a:r>
            <a:r>
              <a:rPr lang="en-GB" sz="44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" b="0" i="0" noProof="0" dirty="0">
                <a:solidFill>
                  <a:schemeClr val="bg1"/>
                </a:solidFill>
              </a:rPr>
              <a:t>one</a:t>
            </a:r>
            <a:r>
              <a:rPr lang="en-GB" sz="440" b="1" i="1" noProof="0" dirty="0">
                <a:solidFill>
                  <a:schemeClr val="bg1"/>
                </a:solidFill>
              </a:rPr>
              <a:t>,</a:t>
            </a:r>
            <a:br>
              <a:rPr lang="en-GB" sz="440" b="0" i="0" noProof="0" dirty="0">
                <a:solidFill>
                  <a:schemeClr val="bg1"/>
                </a:solidFill>
              </a:rPr>
            </a:br>
            <a:r>
              <a:rPr lang="en-GB" sz="44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" b="0" noProof="0" dirty="0">
                <a:solidFill>
                  <a:schemeClr val="bg1"/>
                </a:solidFill>
              </a:rPr>
            </a:br>
            <a:br>
              <a:rPr lang="en-GB" sz="280" b="0" noProof="0" dirty="0">
                <a:solidFill>
                  <a:schemeClr val="bg1"/>
                </a:solidFill>
              </a:rPr>
            </a:br>
            <a:endParaRPr lang="en-GB" sz="28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5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"/>
                </a:spcBef>
                <a:buClr>
                  <a:srgbClr val="003755"/>
                </a:buClr>
              </a:pPr>
              <a:endParaRPr lang="en-GB" sz="14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"/>
                </a:spcBef>
                <a:buClr>
                  <a:srgbClr val="003755"/>
                </a:buClr>
              </a:pPr>
              <a:endParaRPr lang="en-GB" sz="14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6" y="2588375"/>
            <a:ext cx="10152347" cy="305020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2" b="1" i="1" noProof="0" dirty="0">
                <a:solidFill>
                  <a:schemeClr val="bg1"/>
                </a:solidFill>
              </a:rPr>
              <a:t>Do not use </a:t>
            </a:r>
            <a:endParaRPr lang="en-GB" sz="24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3" y="5186456"/>
            <a:ext cx="11356974" cy="10220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1" b="0" noProof="0" dirty="0">
                <a:solidFill>
                  <a:schemeClr val="bg1"/>
                </a:solidFill>
              </a:rPr>
            </a:br>
            <a:endParaRPr lang="en-GB" sz="181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5DC5A1D-614F-45C9-9730-B88794628D07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05030444"/>
      </p:ext>
    </p:extLst>
  </p:cSld>
  <p:clrMapOvr>
    <a:masterClrMapping/>
  </p:clrMapOvr>
</p:sldLayout>
</file>

<file path=ppt/slideLayouts/slideLayout3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23D6DE55-12CE-4DCC-AB6C-3C77D2902D2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Rectangle">
            <a:extLst>
              <a:ext uri="{FF2B5EF4-FFF2-40B4-BE49-F238E27FC236}">
                <a16:creationId xmlns:a16="http://schemas.microsoft.com/office/drawing/2014/main" id="{8937A0AD-FEFD-45EB-B4D0-1E2ED999056C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 b="1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FEED0661-B3F8-4AFA-9CE3-DCAF01813D9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06585922"/>
      </p:ext>
    </p:extLst>
  </p:cSld>
  <p:clrMapOvr>
    <a:masterClrMapping/>
  </p:clrMapOvr>
</p:sldLayout>
</file>

<file path=ppt/slideLayouts/slideLayout3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346214CE-CAE1-433D-A846-FC3342686ED0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 bwMode="white"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41BD7EA-C3CC-4195-B396-34D12DCC862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064654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58865463"/>
      </p:ext>
    </p:extLst>
  </p:cSld>
  <p:clrMapOvr>
    <a:masterClrMapping/>
  </p:clrMapOvr>
</p:sldLayout>
</file>

<file path=ppt/slideLayouts/slideLayout3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bg>
      <p:bgPr>
        <a:gradFill>
          <a:gsLst>
            <a:gs pos="95000">
              <a:schemeClr val="accent6"/>
            </a:gs>
            <a:gs pos="0">
              <a:schemeClr val="accent1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62B4802F-FA45-4EE6-83A6-B60CB36913B4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pic>
        <p:nvPicPr>
          <p:cNvPr id="6" name="Image 5" descr="Une image contenant texte, arts de la table, vaisselle, assiette&#10;&#10;Description générée automatiquement">
            <a:extLst>
              <a:ext uri="{FF2B5EF4-FFF2-40B4-BE49-F238E27FC236}">
                <a16:creationId xmlns:a16="http://schemas.microsoft.com/office/drawing/2014/main" id="{E5C49521-103B-F419-D115-BB7E59D80B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22928" y="2908849"/>
            <a:ext cx="2842147" cy="10374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1239347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dark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bg1"/>
                </a:solidFill>
              </a:defRPr>
            </a:lvl1pPr>
          </a:lstStyle>
          <a:p>
            <a:fld id="{38BAF498-A710-4AAA-9AF7-1FA5D1B3A456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05714608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light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8943975" y="2743200"/>
            <a:ext cx="2505075" cy="124777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38BAF498-A710-4AAA-9AF7-1FA5D1B3A456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72989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0535AB10-5016-4BBE-B319-91BC6F875FE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>
          <a:xfrm rot="5400000" flipV="1">
            <a:off x="439200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7" y="6199199"/>
            <a:ext cx="901603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>
                <a:latin typeface="+mn-lt"/>
              </a:defRPr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022190459"/>
      </p:ext>
    </p:extLst>
  </p:cSld>
  <p:clrMapOvr>
    <a:masterClrMapping/>
  </p:clrMapOvr>
</p:sldLayout>
</file>

<file path=ppt/slideLayouts/slideLayout3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74232FE-6B21-4D3C-8891-6A33800C6D20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 bwMode="white">
          <a:xfrm rot="5400000" flipV="1">
            <a:off x="439200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7391792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5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E552D84-A027-418B-B489-16EF46A08E8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518564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2565195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7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E7966683-9609-42DF-8F42-B189A090742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9743785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re et conten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35F8FA-83AA-40A7-A81F-145B0272EF9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62D0141-A742-40EA-90CE-E9F3A4CC6BB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AE8AB24-1A29-4E44-8B8A-66ED307E211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86928163"/>
      </p:ext>
    </p:extLst>
  </p:cSld>
  <p:clrMapOvr>
    <a:masterClrMapping/>
  </p:clrMapOvr>
</p:sldLayout>
</file>

<file path=ppt/slideLayouts/slideLayout3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ux contenu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108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84808009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yellow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92771DE-7B31-480C-9091-703575BD6824}"/>
              </a:ext>
            </a:extLst>
          </p:cNvPr>
          <p:cNvSpPr/>
          <p:nvPr userDrawn="1"/>
        </p:nvSpPr>
        <p:spPr>
          <a:xfrm rot="5400000" flipV="1">
            <a:off x="-2068401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</p:spTree>
    <p:extLst>
      <p:ext uri="{BB962C8B-B14F-4D97-AF65-F5344CB8AC3E}">
        <p14:creationId xmlns:p14="http://schemas.microsoft.com/office/powerpoint/2010/main" val="3011900792"/>
      </p:ext>
    </p:extLst>
  </p:cSld>
  <p:clrMapOvr>
    <a:masterClrMapping/>
  </p:clrMapOvr>
</p:sldLayout>
</file>

<file path=ppt/slideLayouts/slideLayout3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83880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Enter &amp; TAB for next text level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1728000"/>
            <a:ext cx="19584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83880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841556"/>
      </p:ext>
    </p:extLst>
  </p:cSld>
  <p:clrMapOvr>
    <a:masterClrMapping/>
  </p:clrMapOvr>
</p:sldLayout>
</file>

<file path=ppt/slideLayouts/slideLayout3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75175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7840800" cy="860025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2160000"/>
            <a:ext cx="78408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Enter &amp; TAB for next text level                        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2160000"/>
            <a:ext cx="1958400" cy="3830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78408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383306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3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/>
          <p:nvPr userDrawn="1"/>
        </p:nvSpPr>
        <p:spPr>
          <a:xfrm>
            <a:off x="9154803" y="318416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313203" y="864000"/>
            <a:ext cx="4512551" cy="4536000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/>
          <p:nvPr userDrawn="1"/>
        </p:nvSpPr>
        <p:spPr>
          <a:xfrm>
            <a:off x="9656245" y="1565755"/>
            <a:ext cx="1901370" cy="1901371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79488" y="2160000"/>
            <a:ext cx="4899025" cy="3830400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88" y="5991224"/>
            <a:ext cx="4899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97688031"/>
      </p:ext>
    </p:extLst>
  </p:cSld>
  <p:clrMapOvr>
    <a:masterClrMapping/>
  </p:clrMapOvr>
</p:sldLayout>
</file>

<file path=ppt/slideLayouts/slideLayout3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51732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3531600" y="3364200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4400" y="863999"/>
            <a:ext cx="5172625" cy="86002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584400" y="2160000"/>
            <a:ext cx="51732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584400" y="5991224"/>
            <a:ext cx="51804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A93765-CE2C-40DF-A07F-38F61BBB42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0AE797-4FC1-4511-8181-FEA09BFEF7C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A7B1EA-FFDB-44FE-9A80-5626E53F81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238368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3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78300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1920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4000" y="1368000"/>
            <a:ext cx="2509200" cy="4168800"/>
          </a:xfrm>
        </p:spPr>
        <p:txBody>
          <a:bodyPr/>
          <a:lstStyle>
            <a:lvl1pPr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252000" y="864000"/>
            <a:ext cx="2505600" cy="5126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2000" y="5991224"/>
            <a:ext cx="250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639369-DFE2-4509-AEB5-C21FB645638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43103C-01F7-4802-B93F-A5AF643FFDE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91A0EBB-DBF9-4086-B365-2D0662B21F1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5550146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3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E07CD6B4-09CD-40D3-BFB2-70EAF73B36C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433000 w 12193200"/>
              <a:gd name="connsiteY148" fmla="*/ 864356 h 6861600"/>
              <a:gd name="connsiteX149" fmla="*/ 433000 w 12193200"/>
              <a:gd name="connsiteY149" fmla="*/ 5990756 h 6861600"/>
              <a:gd name="connsiteX150" fmla="*/ 559000 w 12193200"/>
              <a:gd name="connsiteY150" fmla="*/ 5990756 h 6861600"/>
              <a:gd name="connsiteX151" fmla="*/ 559000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433000" y="864356"/>
                </a:moveTo>
                <a:lnTo>
                  <a:pt x="433000" y="5990756"/>
                </a:lnTo>
                <a:lnTo>
                  <a:pt x="559000" y="5990756"/>
                </a:lnTo>
                <a:lnTo>
                  <a:pt x="559000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90000" y="864000"/>
            <a:ext cx="29304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2DA8A14E-DC03-49C9-92CA-121CFBEC32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9799200" y="864000"/>
            <a:ext cx="1954800" cy="5126400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 cap="none" baseline="0">
                <a:solidFill>
                  <a:schemeClr val="bg1"/>
                </a:solidFill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0129824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20694624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3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92019206-D26D-A6D4-CDB7-B9DF89AE1CF2}"/>
              </a:ext>
            </a:extLst>
          </p:cNvPr>
          <p:cNvSpPr/>
          <p:nvPr userDrawn="1"/>
        </p:nvSpPr>
        <p:spPr>
          <a:xfrm rot="5400000" flipV="1">
            <a:off x="931178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</p:spTree>
    <p:extLst>
      <p:ext uri="{BB962C8B-B14F-4D97-AF65-F5344CB8AC3E}">
        <p14:creationId xmlns:p14="http://schemas.microsoft.com/office/powerpoint/2010/main" val="333004239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3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A720CB42-81A1-4A6B-977A-543E442C7704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4F0B8F97-F01E-49B6-99DD-0C487D2382B4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4F400C32-FBDE-424B-B4C5-B20E6FA9EC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419594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3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208442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50888644"/>
      </p:ext>
    </p:extLst>
  </p:cSld>
  <p:clrMapOvr>
    <a:masterClrMapping/>
  </p:clrMapOvr>
</p:sldLayout>
</file>

<file path=ppt/slideLayouts/slideLayout35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FD1B9649-FA38-462A-A772-F439A69356A5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8" name="Logo">
            <a:extLst>
              <a:ext uri="{FF2B5EF4-FFF2-40B4-BE49-F238E27FC236}">
                <a16:creationId xmlns:a16="http://schemas.microsoft.com/office/drawing/2014/main" id="{5A5521B7-1186-4CA9-A8D4-6E07481414C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 bwMode="white"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 bwMode="white"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4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964F4D-7160-4DB8-900F-F3B7AB805741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F8B77D-D382-42D8-95C1-0C47695CBD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1259E83-889E-4E1B-BEA6-D8459EDC58F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8392064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35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1852745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0" bIns="576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505600" cy="1915200"/>
          </a:xfrm>
        </p:spPr>
        <p:txBody>
          <a:bodyPr anchor="t" anchorCtr="0"/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5B12D-AFCA-4C69-8772-3103D984CD9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D37CD5E9-4514-4A77-9781-C0FC80437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33732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F023000C-62EC-4AE1-9428-2B6EA4DF5F7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3108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FE03E1E-7BBA-4981-A199-083F8DE64A6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763054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3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A">
    <p:bg>
      <p:bgPr>
        <a:gradFill flip="none" rotWithShape="1">
          <a:gsLst>
            <a:gs pos="25000">
              <a:schemeClr val="accent2"/>
            </a:gs>
            <a:gs pos="100000">
              <a:srgbClr val="FFE655"/>
            </a:gs>
          </a:gsLst>
          <a:lin ang="0" scaled="1"/>
          <a:tileRect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3532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tx1"/>
              </a:solidFill>
            </a:endParaRP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4A421D-40AC-4B3C-B046-B97D2CDEB7D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4217A7-1C84-4022-9AF0-8A02934FBF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626653-B042-4CAD-ABE7-FCC2DB1ACE3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711149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12924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3537291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C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20700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792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262251-164F-4D9F-BEE6-DBF9AF1C6B9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FAD54A-EFB6-40DC-A8BF-327E43A08F1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A44297-F69A-4FA2-AD60-0EA38D021B9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30889782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46A2CB-4C6C-4AC8-9450-CD3828AF787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033000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148000" cy="5122800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A2F42676-7691-4BBA-B454-CF007CCADCB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609597" y="864000"/>
            <a:ext cx="5148000" cy="5122799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4FBCBC-1785-4DFB-84A8-04367CD12684}"/>
              </a:ext>
            </a:extLst>
          </p:cNvPr>
          <p:cNvSpPr>
            <a:spLocks noGrp="1"/>
          </p:cNvSpPr>
          <p:nvPr>
            <p:ph type="dt" sz="half" idx="2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2F9B70-FCB9-43D9-9F30-EE12E6A1D4A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ACFBE7-785A-4311-8356-55947434B49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1682033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B">
    <p:bg>
      <p:bgPr>
        <a:gradFill>
          <a:gsLst>
            <a:gs pos="0">
              <a:schemeClr val="accent1"/>
            </a:gs>
            <a:gs pos="95000">
              <a:srgbClr val="0066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63DA7E30-9A41-4C82-A7CB-D8A1E3912EAA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9" name="Text Placeholder 16">
            <a:extLst>
              <a:ext uri="{FF2B5EF4-FFF2-40B4-BE49-F238E27FC236}">
                <a16:creationId xmlns:a16="http://schemas.microsoft.com/office/drawing/2014/main" id="{AF04E0B3-14B7-4D62-87B4-0112A485F8C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417637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70457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       Enter &amp; TAB for next text level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3717945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034A43F0-B693-4A6A-922F-5584D05D23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0653125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DE7121FB-1BE2-4733-A7DE-83DABC7A11B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36685082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1090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2000" y="864000"/>
            <a:ext cx="5878800" cy="4262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62000" y="5137200"/>
            <a:ext cx="5880100" cy="3600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noProof="0" dirty="0"/>
              <a:t>Click to add Nam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5E3943B2-B1DF-42B0-9F1C-B752FFA217D8}"/>
              </a:ext>
            </a:extLst>
          </p:cNvPr>
          <p:cNvSpPr>
            <a:spLocks noChangeAspect="1"/>
          </p:cNvSpPr>
          <p:nvPr userDrawn="1"/>
        </p:nvSpPr>
        <p:spPr bwMode="white">
          <a:xfrm>
            <a:off x="431799" y="864358"/>
            <a:ext cx="565325" cy="432000"/>
          </a:xfrm>
          <a:custGeom>
            <a:avLst/>
            <a:gdLst/>
            <a:ahLst/>
            <a:cxnLst/>
            <a:rect l="l" t="t" r="r" b="b"/>
            <a:pathLst>
              <a:path w="436820" h="333802">
                <a:moveTo>
                  <a:pt x="343248" y="0"/>
                </a:moveTo>
                <a:lnTo>
                  <a:pt x="436820" y="51285"/>
                </a:lnTo>
                <a:cubicBezTo>
                  <a:pt x="420625" y="77677"/>
                  <a:pt x="407729" y="105194"/>
                  <a:pt x="398132" y="133836"/>
                </a:cubicBezTo>
                <a:cubicBezTo>
                  <a:pt x="388535" y="162477"/>
                  <a:pt x="383886" y="194793"/>
                  <a:pt x="384186" y="230782"/>
                </a:cubicBezTo>
                <a:lnTo>
                  <a:pt x="384186" y="333802"/>
                </a:lnTo>
                <a:lnTo>
                  <a:pt x="225833" y="333802"/>
                </a:lnTo>
                <a:lnTo>
                  <a:pt x="225833" y="231232"/>
                </a:lnTo>
                <a:cubicBezTo>
                  <a:pt x="225833" y="202740"/>
                  <a:pt x="231456" y="173874"/>
                  <a:pt x="242703" y="144633"/>
                </a:cubicBezTo>
                <a:cubicBezTo>
                  <a:pt x="253949" y="115391"/>
                  <a:pt x="268645" y="88099"/>
                  <a:pt x="286790" y="62757"/>
                </a:cubicBezTo>
                <a:cubicBezTo>
                  <a:pt x="304934" y="37414"/>
                  <a:pt x="323754" y="16495"/>
                  <a:pt x="343248" y="0"/>
                </a:cubicBezTo>
                <a:close/>
                <a:moveTo>
                  <a:pt x="117415" y="0"/>
                </a:moveTo>
                <a:lnTo>
                  <a:pt x="210987" y="51285"/>
                </a:lnTo>
                <a:cubicBezTo>
                  <a:pt x="194792" y="77677"/>
                  <a:pt x="181896" y="105194"/>
                  <a:pt x="172299" y="133836"/>
                </a:cubicBezTo>
                <a:cubicBezTo>
                  <a:pt x="162701" y="162477"/>
                  <a:pt x="158053" y="194793"/>
                  <a:pt x="158353" y="230782"/>
                </a:cubicBezTo>
                <a:lnTo>
                  <a:pt x="158353" y="333802"/>
                </a:lnTo>
                <a:lnTo>
                  <a:pt x="0" y="333802"/>
                </a:lnTo>
                <a:lnTo>
                  <a:pt x="0" y="231232"/>
                </a:lnTo>
                <a:cubicBezTo>
                  <a:pt x="0" y="202740"/>
                  <a:pt x="5623" y="173874"/>
                  <a:pt x="16870" y="144633"/>
                </a:cubicBezTo>
                <a:cubicBezTo>
                  <a:pt x="28116" y="115391"/>
                  <a:pt x="42812" y="88099"/>
                  <a:pt x="60957" y="62757"/>
                </a:cubicBezTo>
                <a:cubicBezTo>
                  <a:pt x="79101" y="37414"/>
                  <a:pt x="97921" y="16495"/>
                  <a:pt x="117415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12" name="Text Placeholder notes">
            <a:extLst>
              <a:ext uri="{FF2B5EF4-FFF2-40B4-BE49-F238E27FC236}">
                <a16:creationId xmlns:a16="http://schemas.microsoft.com/office/drawing/2014/main" id="{07820C89-0519-40C4-9EA9-207BD7F2204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962000" y="5695200"/>
            <a:ext cx="5878800" cy="295200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7199784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8E191F-9315-439E-B3E1-E244B439CE9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421B79-34B3-49E9-88AB-D05336546B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5FA46-FFD0-4832-8708-FF45CE149A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843948884"/>
      </p:ext>
    </p:extLst>
  </p:cSld>
  <p:clrMapOvr>
    <a:masterClrMapping/>
  </p:clrMapOvr>
</p:sldLayout>
</file>

<file path=ppt/slideLayouts/slideLayout3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ext or Graphics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295004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Quote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849497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121423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s">
    <p:bg>
      <p:bgPr>
        <a:gradFill>
          <a:gsLst>
            <a:gs pos="0">
              <a:schemeClr val="accent6"/>
            </a:gs>
            <a:gs pos="95000">
              <a:schemeClr val="accent1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B99E036B-4CAD-4D2B-963A-EA155AD21A3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50000"/>
            <a:ext cx="165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850000"/>
            <a:ext cx="1656000" cy="1476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ontact information</a:t>
            </a:r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F60423B-0833-413C-8670-D2F1D86B4D98}"/>
              </a:ext>
            </a:extLst>
          </p:cNvPr>
          <p:cNvSpPr txBox="1"/>
          <p:nvPr userDrawn="1"/>
        </p:nvSpPr>
        <p:spPr>
          <a:xfrm>
            <a:off x="6059312" y="1834281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8000" dirty="0">
              <a:solidFill>
                <a:schemeClr val="accent2"/>
              </a:solidFill>
              <a:latin typeface="+mj-lt"/>
            </a:endParaRPr>
          </a:p>
        </p:txBody>
      </p:sp>
      <p:sp>
        <p:nvSpPr>
          <p:cNvPr id="2" name="ZoneTexte 1">
            <a:extLst>
              <a:ext uri="{FF2B5EF4-FFF2-40B4-BE49-F238E27FC236}">
                <a16:creationId xmlns:a16="http://schemas.microsoft.com/office/drawing/2014/main" id="{091B9C48-53DF-432A-8D96-5B1FE2123756}"/>
              </a:ext>
            </a:extLst>
          </p:cNvPr>
          <p:cNvSpPr txBox="1"/>
          <p:nvPr userDrawn="1"/>
        </p:nvSpPr>
        <p:spPr>
          <a:xfrm>
            <a:off x="2153265" y="800025"/>
            <a:ext cx="3775587" cy="153888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fr-FR" sz="10000" b="1" dirty="0">
                <a:latin typeface="+mj-lt"/>
              </a:rPr>
              <a:t>Merci</a:t>
            </a:r>
          </a:p>
        </p:txBody>
      </p:sp>
      <p:sp>
        <p:nvSpPr>
          <p:cNvPr id="3" name="Rectangle 2">
            <a:extLst>
              <a:ext uri="{FF2B5EF4-FFF2-40B4-BE49-F238E27FC236}">
                <a16:creationId xmlns:a16="http://schemas.microsoft.com/office/drawing/2014/main" id="{6ECB223C-C55E-4079-A09E-04FE40F1090C}"/>
              </a:ext>
            </a:extLst>
          </p:cNvPr>
          <p:cNvSpPr/>
          <p:nvPr userDrawn="1"/>
        </p:nvSpPr>
        <p:spPr>
          <a:xfrm>
            <a:off x="6090572" y="874123"/>
            <a:ext cx="137116" cy="855407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dirty="0" err="1"/>
          </a:p>
        </p:txBody>
      </p:sp>
      <p:pic>
        <p:nvPicPr>
          <p:cNvPr id="5" name="Image 4" descr="Une image contenant texte, arts de la table, vaisselle, assiette&#10;&#10;Description générée automatiquement">
            <a:extLst>
              <a:ext uri="{FF2B5EF4-FFF2-40B4-BE49-F238E27FC236}">
                <a16:creationId xmlns:a16="http://schemas.microsoft.com/office/drawing/2014/main" id="{3A5D5421-2F03-EE43-221A-AE0D52AAEABD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622928" y="2908849"/>
            <a:ext cx="2842147" cy="103741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9871738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3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97162224"/>
      </p:ext>
    </p:extLst>
  </p:cSld>
  <p:clrMapOvr>
    <a:masterClrMapping/>
  </p:clrMapOvr>
</p:sldLayout>
</file>

<file path=ppt/slideLayouts/slideLayout3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yellow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92771DE-7B31-480C-9091-703575BD6824}"/>
              </a:ext>
            </a:extLst>
          </p:cNvPr>
          <p:cNvSpPr/>
          <p:nvPr userDrawn="1"/>
        </p:nvSpPr>
        <p:spPr>
          <a:xfrm rot="5400000" flipV="1">
            <a:off x="-2068401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</p:spTree>
    <p:extLst>
      <p:ext uri="{BB962C8B-B14F-4D97-AF65-F5344CB8AC3E}">
        <p14:creationId xmlns:p14="http://schemas.microsoft.com/office/powerpoint/2010/main" val="3153398940"/>
      </p:ext>
    </p:extLst>
  </p:cSld>
  <p:clrMapOvr>
    <a:masterClrMapping/>
  </p:clrMapOvr>
</p:sldLayout>
</file>

<file path=ppt/slideLayouts/slideLayout3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re seu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31983846"/>
      </p:ext>
    </p:extLst>
  </p:cSld>
  <p:clrMapOvr>
    <a:masterClrMapping/>
  </p:clrMapOvr>
</p:sldLayout>
</file>

<file path=ppt/slideLayouts/slideLayout36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V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8E191F-9315-439E-B3E1-E244B439CE9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421B79-34B3-49E9-88AB-D05336546B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5FA46-FFD0-4832-8708-FF45CE149A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30749322"/>
      </p:ext>
    </p:extLst>
  </p:cSld>
  <p:clrMapOvr>
    <a:masterClrMapping/>
  </p:clrMapOvr>
</p:sldLayout>
</file>

<file path=ppt/slideLayouts/slideLayout36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Dstny Body" panose="02000603000000020004" pitchFamily="2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1227" y="1733517"/>
            <a:ext cx="2916000" cy="346248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lete bullet for regular text. 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sz="1600" dirty="0">
                <a:latin typeface="+mn-lt"/>
                <a:cs typeface="Dstny Body" panose="02000603000000020004" pitchFamily="2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Layout </a:t>
            </a: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to view a dropdown menu of possible slide layouts</a:t>
            </a:r>
            <a:endParaRPr lang="en-GB" sz="900" dirty="0">
              <a:latin typeface="+mn-lt"/>
              <a:ea typeface="Dstny Body" panose="02000603000000020004" pitchFamily="2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62260" y="1742868"/>
            <a:ext cx="2936481" cy="344709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menu to reset position, size and formatting of the slide placeholders to their default settings</a:t>
            </a:r>
            <a:endParaRPr lang="en-GB" altLang="da-DK" sz="900" baseline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PICTURES</a:t>
            </a:r>
            <a:endParaRPr lang="en-GB" sz="16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browse for picture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74443" y="1733517"/>
            <a:ext cx="2936482" cy="41395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HEADER &amp; FOOT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Dstny Body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+ option + ctrl + G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10501896-43DD-469D-A55E-AA24E780130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99609" y="3500899"/>
            <a:ext cx="257143" cy="28571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99609" y="5003956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22597" y="315575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99609" y="4178576"/>
            <a:ext cx="328881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95011" y="2259973"/>
            <a:ext cx="538465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298741" y="3887427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70780" y="2271263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9609" y="2809191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36403965"/>
      </p:ext>
    </p:extLst>
  </p:cSld>
  <p:clrMapOvr>
    <a:masterClrMapping/>
  </p:clrMapOvr>
</p:sldLayout>
</file>

<file path=ppt/slideLayouts/slideLayout36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assific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algn="l"/>
            <a:r>
              <a:rPr lang="en-GB" sz="3200" kern="1200" cap="all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lassification Levels Policy </a:t>
            </a:r>
          </a:p>
        </p:txBody>
      </p:sp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8F31359-7304-45D0-84E0-C8364FD2AC19}"/>
              </a:ext>
            </a:extLst>
          </p:cNvPr>
          <p:cNvSpPr txBox="1"/>
          <p:nvPr userDrawn="1"/>
        </p:nvSpPr>
        <p:spPr>
          <a:xfrm>
            <a:off x="431800" y="1724025"/>
            <a:ext cx="8517991" cy="41549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Public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can be made public and whose disclosure is not prejudicial to the interests of Dstny, including its staff and stakeholders in its activities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Restricted</a:t>
            </a:r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:</a:t>
            </a:r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 </a:t>
            </a:r>
            <a:r>
              <a:rPr lang="en-GB" sz="1800" b="1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Any information accessible by Dstny staff and disseminated to outsiders on a need-to-know basis under the responsibility of an authorised Dstny worker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onfidential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communicated to identified data subjects and whose unwanted disclosure could have significant consequences for Dstny 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Secret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disclosed to identified and mutually identifiable data subjects, and whose unwanted disclosure could have critical consequences for Dstny </a:t>
            </a:r>
            <a:endParaRPr lang="en-GB" sz="1800" dirty="0"/>
          </a:p>
        </p:txBody>
      </p:sp>
    </p:spTree>
    <p:extLst>
      <p:ext uri="{BB962C8B-B14F-4D97-AF65-F5344CB8AC3E}">
        <p14:creationId xmlns:p14="http://schemas.microsoft.com/office/powerpoint/2010/main" val="2059192562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Dstny Body" panose="02000603000000020004" pitchFamily="2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1227" y="1733517"/>
            <a:ext cx="2916000" cy="346248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lete bullet for regular text. 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sz="1600" dirty="0">
                <a:latin typeface="+mn-lt"/>
                <a:cs typeface="Dstny Body" panose="02000603000000020004" pitchFamily="2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Layout </a:t>
            </a: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to view a dropdown menu of possible slide layouts</a:t>
            </a:r>
            <a:endParaRPr lang="en-GB" sz="900" dirty="0">
              <a:latin typeface="+mn-lt"/>
              <a:ea typeface="Dstny Body" panose="02000603000000020004" pitchFamily="2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62260" y="1742868"/>
            <a:ext cx="2936481" cy="344709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menu to reset position, size and formatting of the slide placeholders to their default settings</a:t>
            </a:r>
            <a:endParaRPr lang="en-GB" altLang="da-DK" sz="900" baseline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PICTURES</a:t>
            </a:r>
            <a:endParaRPr lang="en-GB" sz="16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browse for picture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74443" y="1733517"/>
            <a:ext cx="2936482" cy="41395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HEADER &amp; FOOT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Dstny Body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+ option + ctrl + G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10501896-43DD-469D-A55E-AA24E780130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99609" y="3500899"/>
            <a:ext cx="257143" cy="28571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99609" y="5003956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22597" y="315575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99609" y="4178576"/>
            <a:ext cx="328881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95011" y="2259973"/>
            <a:ext cx="538465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298741" y="3887427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70780" y="2271263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9609" y="2809191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77040856"/>
      </p:ext>
    </p:extLst>
  </p:cSld>
  <p:clrMapOvr>
    <a:masterClrMapping/>
  </p:clrMapOvr>
</p:sldLayout>
</file>

<file path=ppt/slideLayouts/slideLayout37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5DC5A1D-614F-45C9-9730-B88794628D07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499582177"/>
      </p:ext>
    </p:extLst>
  </p:cSld>
  <p:clrMapOvr>
    <a:masterClrMapping/>
  </p:clrMapOvr>
</p:sldLayout>
</file>

<file path=ppt/slideLayouts/slideLayout3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01E8C6F4-332D-49F5-B4DE-3E9D7BEB7465}" type="datetime1">
              <a:rPr lang="en-GB"/>
              <a:t>15/11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50454091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assific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algn="l"/>
            <a:r>
              <a:rPr lang="en-GB" sz="3200" kern="1200" cap="all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lassification Levels Policy </a:t>
            </a:r>
          </a:p>
        </p:txBody>
      </p:sp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8F31359-7304-45D0-84E0-C8364FD2AC19}"/>
              </a:ext>
            </a:extLst>
          </p:cNvPr>
          <p:cNvSpPr txBox="1"/>
          <p:nvPr userDrawn="1"/>
        </p:nvSpPr>
        <p:spPr>
          <a:xfrm>
            <a:off x="431800" y="1724025"/>
            <a:ext cx="8517991" cy="41549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Public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can be made public and whose disclosure is not prejudicial to the interests of Dstny, including its staff and stakeholders in its activities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Restricted</a:t>
            </a:r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:</a:t>
            </a:r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 </a:t>
            </a:r>
            <a:r>
              <a:rPr lang="en-GB" sz="1800" b="1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Any information accessible by Dstny staff and disseminated to outsiders on a need-to-know basis under the responsibility of an authorised Dstny worker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onfidential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communicated to identified data subjects and whose unwanted disclosure could have significant consequences for Dstny 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Secret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disclosed to identified and mutually identifiable data subjects, and whose unwanted disclosure could have critical consequences for Dstny </a:t>
            </a:r>
            <a:endParaRPr lang="en-GB" sz="1800" dirty="0"/>
          </a:p>
        </p:txBody>
      </p:sp>
    </p:spTree>
    <p:extLst>
      <p:ext uri="{BB962C8B-B14F-4D97-AF65-F5344CB8AC3E}">
        <p14:creationId xmlns:p14="http://schemas.microsoft.com/office/powerpoint/2010/main" val="2358843287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5DC5A1D-614F-45C9-9730-B88794628D07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5314624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dark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bg1"/>
                </a:solidFill>
              </a:defRPr>
            </a:lvl1pPr>
          </a:lstStyle>
          <a:p>
            <a:fld id="{38BAF498-A710-4AAA-9AF7-1FA5D1B3A456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361503436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44590559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Title only" type="titleOnly">
  <p:cSld name="1_Title only">
    <p:spTree>
      <p:nvGrpSpPr>
        <p:cNvPr id="1" name="Shape 20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" name="Google Shape;21;p6"/>
          <p:cNvSpPr txBox="1">
            <a:spLocks noGrp="1"/>
          </p:cNvSpPr>
          <p:nvPr>
            <p:ph type="title"/>
          </p:nvPr>
        </p:nvSpPr>
        <p:spPr>
          <a:xfrm>
            <a:off x="2834367" y="513333"/>
            <a:ext cx="6523200" cy="517200"/>
          </a:xfrm>
          <a:prstGeom prst="rect">
            <a:avLst/>
          </a:prstGeom>
        </p:spPr>
        <p:txBody>
          <a:bodyPr spcFirstLastPara="1" wrap="square" lIns="91425" tIns="91425" rIns="91425" bIns="91425" anchor="ctr" anchorCtr="0">
            <a:noAutofit/>
          </a:bodyPr>
          <a:lstStyle>
            <a:lvl1pPr lvl="0">
              <a:spcBef>
                <a:spcPts val="0"/>
              </a:spcBef>
              <a:spcAft>
                <a:spcPts val="0"/>
              </a:spcAft>
              <a:buSzPts val="2600"/>
              <a:buNone/>
              <a:defRPr sz="3200">
                <a:latin typeface="Fira Sans Extra Condensed Medium"/>
                <a:ea typeface="Fira Sans Extra Condensed Medium"/>
                <a:cs typeface="Fira Sans Extra Condensed Medium"/>
                <a:sym typeface="Fira Sans Extra Condensed Medium"/>
              </a:defRPr>
            </a:lvl1pPr>
            <a:lvl2pPr lvl="1">
              <a:spcBef>
                <a:spcPts val="0"/>
              </a:spcBef>
              <a:spcAft>
                <a:spcPts val="0"/>
              </a:spcAft>
              <a:buSzPts val="2600"/>
              <a:buNone/>
              <a:defRPr/>
            </a:lvl2pPr>
            <a:lvl3pPr lvl="2">
              <a:spcBef>
                <a:spcPts val="0"/>
              </a:spcBef>
              <a:spcAft>
                <a:spcPts val="0"/>
              </a:spcAft>
              <a:buSzPts val="2600"/>
              <a:buNone/>
              <a:defRPr/>
            </a:lvl3pPr>
            <a:lvl4pPr lvl="3">
              <a:spcBef>
                <a:spcPts val="0"/>
              </a:spcBef>
              <a:spcAft>
                <a:spcPts val="0"/>
              </a:spcAft>
              <a:buSzPts val="2600"/>
              <a:buNone/>
              <a:defRPr/>
            </a:lvl4pPr>
            <a:lvl5pPr lvl="4">
              <a:spcBef>
                <a:spcPts val="0"/>
              </a:spcBef>
              <a:spcAft>
                <a:spcPts val="0"/>
              </a:spcAft>
              <a:buSzPts val="2600"/>
              <a:buNone/>
              <a:defRPr/>
            </a:lvl5pPr>
            <a:lvl6pPr lvl="5">
              <a:spcBef>
                <a:spcPts val="0"/>
              </a:spcBef>
              <a:spcAft>
                <a:spcPts val="0"/>
              </a:spcAft>
              <a:buSzPts val="2600"/>
              <a:buNone/>
              <a:defRPr/>
            </a:lvl6pPr>
            <a:lvl7pPr lvl="6">
              <a:spcBef>
                <a:spcPts val="0"/>
              </a:spcBef>
              <a:spcAft>
                <a:spcPts val="0"/>
              </a:spcAft>
              <a:buSzPts val="2600"/>
              <a:buNone/>
              <a:defRPr/>
            </a:lvl7pPr>
            <a:lvl8pPr lvl="7">
              <a:spcBef>
                <a:spcPts val="0"/>
              </a:spcBef>
              <a:spcAft>
                <a:spcPts val="0"/>
              </a:spcAft>
              <a:buSzPts val="2600"/>
              <a:buNone/>
              <a:defRPr/>
            </a:lvl8pPr>
            <a:lvl9pPr lvl="8">
              <a:spcBef>
                <a:spcPts val="0"/>
              </a:spcBef>
              <a:spcAft>
                <a:spcPts val="0"/>
              </a:spcAft>
              <a:buSzPts val="2600"/>
              <a:buNone/>
              <a:defRPr/>
            </a:lvl9pPr>
          </a:lstStyle>
          <a:p>
            <a:endParaRPr/>
          </a:p>
        </p:txBody>
      </p:sp>
    </p:spTree>
    <p:extLst>
      <p:ext uri="{BB962C8B-B14F-4D97-AF65-F5344CB8AC3E}">
        <p14:creationId xmlns:p14="http://schemas.microsoft.com/office/powerpoint/2010/main" val="398628903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0">
          <p15:clr>
            <a:srgbClr val="FA7B17"/>
          </p15:clr>
        </p15:guide>
      </p15:sldGuideLst>
    </p:ext>
  </p:extLs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23D6DE55-12CE-4DCC-AB6C-3C77D2902D2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Rectangle">
            <a:extLst>
              <a:ext uri="{FF2B5EF4-FFF2-40B4-BE49-F238E27FC236}">
                <a16:creationId xmlns:a16="http://schemas.microsoft.com/office/drawing/2014/main" id="{8937A0AD-FEFD-45EB-B4D0-1E2ED999056C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 b="1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FEED0661-B3F8-4AFA-9CE3-DCAF01813D9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69193558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346214CE-CAE1-433D-A846-FC3342686ED0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 bwMode="white"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41BD7EA-C3CC-4195-B396-34D12DCC862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9448881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bg>
      <p:bgPr>
        <a:gradFill>
          <a:gsLst>
            <a:gs pos="95000">
              <a:schemeClr val="accent6"/>
            </a:gs>
            <a:gs pos="0">
              <a:schemeClr val="accent1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62B4802F-FA45-4EE6-83A6-B60CB36913B4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14275185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dark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bg1"/>
                </a:solidFill>
              </a:defRPr>
            </a:lvl1pPr>
          </a:lstStyle>
          <a:p>
            <a:fld id="{38BAF498-A710-4AAA-9AF7-1FA5D1B3A456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57078403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light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8943975" y="2743200"/>
            <a:ext cx="2505075" cy="124777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38BAF498-A710-4AAA-9AF7-1FA5D1B3A456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6801987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0535AB10-5016-4BBE-B319-91BC6F875FE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>
          <a:xfrm rot="5400000" flipV="1">
            <a:off x="439200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7" y="6199199"/>
            <a:ext cx="901603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>
                <a:latin typeface="+mn-lt"/>
              </a:defRPr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3533564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74232FE-6B21-4D3C-8891-6A33800C6D20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 bwMode="white">
          <a:xfrm rot="5400000" flipV="1">
            <a:off x="439200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8785585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E552D84-A027-418B-B489-16EF46A08E8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91529320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light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8943975" y="2743200"/>
            <a:ext cx="2505075" cy="124777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38BAF498-A710-4AAA-9AF7-1FA5D1B3A456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6854047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5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783106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E7966683-9609-42DF-8F42-B189A090742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1635414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5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35F8FA-83AA-40A7-A81F-145B0272EF9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62D0141-A742-40EA-90CE-E9F3A4CC6BB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AE8AB24-1A29-4E44-8B8A-66ED307E211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70526122"/>
      </p:ext>
    </p:extLst>
  </p:cSld>
  <p:clrMapOvr>
    <a:masterClrMapping/>
  </p:clrMapOvr>
</p:sldLayout>
</file>

<file path=ppt/slideLayouts/slideLayout5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108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37606384"/>
      </p:ext>
    </p:extLst>
  </p:cSld>
  <p:clrMapOvr>
    <a:masterClrMapping/>
  </p:clrMapOvr>
</p:sldLayout>
</file>

<file path=ppt/slideLayouts/slideLayout5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83880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Enter &amp; TAB for next text level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1728000"/>
            <a:ext cx="19584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83880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68623496"/>
      </p:ext>
    </p:extLst>
  </p:cSld>
  <p:clrMapOvr>
    <a:masterClrMapping/>
  </p:clrMapOvr>
</p:sldLayout>
</file>

<file path=ppt/slideLayouts/slideLayout5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75175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7840800" cy="860025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2160000"/>
            <a:ext cx="78408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Enter &amp; TAB for next text level                        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2160000"/>
            <a:ext cx="1958400" cy="3830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78408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94890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5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/>
          <p:nvPr userDrawn="1"/>
        </p:nvSpPr>
        <p:spPr>
          <a:xfrm>
            <a:off x="9154803" y="318416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>
            <a:off x="6313203" y="864000"/>
            <a:ext cx="4512551" cy="4536000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/>
          <p:nvPr userDrawn="1"/>
        </p:nvSpPr>
        <p:spPr>
          <a:xfrm>
            <a:off x="9656245" y="1565755"/>
            <a:ext cx="1901370" cy="1901371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79488" y="2160000"/>
            <a:ext cx="4899025" cy="3830400"/>
          </a:xfrm>
        </p:spPr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88" y="5991224"/>
            <a:ext cx="4899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724652150"/>
      </p:ext>
    </p:extLst>
  </p:cSld>
  <p:clrMapOvr>
    <a:masterClrMapping/>
  </p:clrMapOvr>
</p:sldLayout>
</file>

<file path=ppt/slideLayouts/slideLayout5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51732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3531600" y="3364200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4400" y="863999"/>
            <a:ext cx="5172625" cy="86002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584400" y="2160000"/>
            <a:ext cx="51732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584400" y="5991224"/>
            <a:ext cx="51804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A93765-CE2C-40DF-A07F-38F61BBB42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0AE797-4FC1-4511-8181-FEA09BFEF7C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A7B1EA-FFDB-44FE-9A80-5626E53F81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329381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5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78300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1920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4000" y="1368000"/>
            <a:ext cx="2509200" cy="4168800"/>
          </a:xfrm>
        </p:spPr>
        <p:txBody>
          <a:bodyPr/>
          <a:lstStyle>
            <a:lvl1pPr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252000" y="864000"/>
            <a:ext cx="2505600" cy="5126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2000" y="5991224"/>
            <a:ext cx="250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639369-DFE2-4509-AEB5-C21FB645638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43103C-01F7-4802-B93F-A5AF643FFDE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91A0EBB-DBF9-4086-B365-2D0662B21F1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9631937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5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6" name="Picture Placeholder 25">
            <a:extLst>
              <a:ext uri="{FF2B5EF4-FFF2-40B4-BE49-F238E27FC236}">
                <a16:creationId xmlns:a16="http://schemas.microsoft.com/office/drawing/2014/main" id="{E07CD6B4-09CD-40D3-BFB2-70EAF73B36C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433000 w 12193200"/>
              <a:gd name="connsiteY148" fmla="*/ 864356 h 6861600"/>
              <a:gd name="connsiteX149" fmla="*/ 433000 w 12193200"/>
              <a:gd name="connsiteY149" fmla="*/ 5990756 h 6861600"/>
              <a:gd name="connsiteX150" fmla="*/ 559000 w 12193200"/>
              <a:gd name="connsiteY150" fmla="*/ 5990756 h 6861600"/>
              <a:gd name="connsiteX151" fmla="*/ 559000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433000" y="864356"/>
                </a:moveTo>
                <a:lnTo>
                  <a:pt x="433000" y="5990756"/>
                </a:lnTo>
                <a:lnTo>
                  <a:pt x="559000" y="5990756"/>
                </a:lnTo>
                <a:lnTo>
                  <a:pt x="559000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90000" y="864000"/>
            <a:ext cx="29304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24" name="Text Placeholder 23">
            <a:extLst>
              <a:ext uri="{FF2B5EF4-FFF2-40B4-BE49-F238E27FC236}">
                <a16:creationId xmlns:a16="http://schemas.microsoft.com/office/drawing/2014/main" id="{2DA8A14E-DC03-49C9-92CA-121CFBEC3288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9799200" y="864000"/>
            <a:ext cx="1954800" cy="5126400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1pPr>
            <a:lvl2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2pPr>
            <a:lvl3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3pPr>
            <a:lvl4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 cap="none" baseline="0">
                <a:solidFill>
                  <a:schemeClr val="bg1"/>
                </a:solidFill>
              </a:defRPr>
            </a:lvl4pPr>
            <a:lvl5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5pPr>
            <a:lvl6pPr marL="0" indent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6pPr>
            <a:lvl7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7pPr>
            <a:lvl8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8pPr>
            <a:lvl9pPr marL="0">
              <a:lnSpc>
                <a:spcPct val="110000"/>
              </a:lnSpc>
              <a:spcBef>
                <a:spcPts val="0"/>
              </a:spcBef>
              <a:spcAft>
                <a:spcPts val="600"/>
              </a:spcAft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5993393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0535AB10-5016-4BBE-B319-91BC6F875FE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>
          <a:xfrm rot="5400000" flipV="1">
            <a:off x="439200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7" y="6199199"/>
            <a:ext cx="901603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>
                <a:latin typeface="+mn-lt"/>
              </a:defRPr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98317535"/>
      </p:ext>
    </p:extLst>
  </p:cSld>
  <p:clrMapOvr>
    <a:masterClrMapping/>
  </p:clrMapOvr>
</p:sldLayout>
</file>

<file path=ppt/slideLayouts/slideLayout6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Enter &amp; TAB for next text level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734432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6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Thre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A720CB42-81A1-4A6B-977A-543E442C7704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4F0B8F97-F01E-49B6-99DD-0C487D2382B4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4F400C32-FBDE-424B-B4C5-B20E6FA9ECA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9252000" y="864000"/>
            <a:ext cx="2505600" cy="51264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8366259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6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3927600" y="5991225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BBCA41F9-B3AB-4ABF-9E7C-D0B105A19F62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4DCD7391-3B33-41C9-8269-95E34C967C0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054685DB-542A-4253-8885-33548C2CDAA0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3284482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6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REPORT Five content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FD1B9649-FA38-462A-A772-F439A69356A5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4" name="Rectangle">
            <a:extLst>
              <a:ext uri="{FF2B5EF4-FFF2-40B4-BE49-F238E27FC236}">
                <a16:creationId xmlns:a16="http://schemas.microsoft.com/office/drawing/2014/main" id="{F03AC526-60AF-400B-958A-EFA1393D6F3A}"/>
              </a:ext>
            </a:extLst>
          </p:cNvPr>
          <p:cNvSpPr/>
          <p:nvPr userDrawn="1"/>
        </p:nvSpPr>
        <p:spPr>
          <a:xfrm rot="16200000" flipV="1">
            <a:off x="871200" y="3387309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8" name="Logo">
            <a:extLst>
              <a:ext uri="{FF2B5EF4-FFF2-40B4-BE49-F238E27FC236}">
                <a16:creationId xmlns:a16="http://schemas.microsoft.com/office/drawing/2014/main" id="{5A5521B7-1186-4CA9-A8D4-6E07481414C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260801" y="6299695"/>
            <a:ext cx="496797" cy="170095"/>
          </a:xfrm>
          <a:prstGeom prst="rect">
            <a:avLst/>
          </a:prstGeom>
        </p:spPr>
      </p:pic>
      <p:sp>
        <p:nvSpPr>
          <p:cNvPr id="4" name="Title 3">
            <a:extLst>
              <a:ext uri="{FF2B5EF4-FFF2-40B4-BE49-F238E27FC236}">
                <a16:creationId xmlns:a16="http://schemas.microsoft.com/office/drawing/2014/main" id="{5DDF5836-A53C-4F9D-8208-19EFA158B21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64000"/>
            <a:ext cx="2505600" cy="2347200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 bwMode="white">
          <a:xfrm>
            <a:off x="3920400" y="8640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63173555-621B-4368-85A5-D9E165C763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 bwMode="white">
          <a:xfrm>
            <a:off x="3920400" y="3643200"/>
            <a:ext cx="48924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Content Placeholder 10">
            <a:extLst>
              <a:ext uri="{FF2B5EF4-FFF2-40B4-BE49-F238E27FC236}">
                <a16:creationId xmlns:a16="http://schemas.microsoft.com/office/drawing/2014/main" id="{0F68EC61-8561-4994-8A68-09675655FE31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 bwMode="white">
          <a:xfrm>
            <a:off x="9252000" y="8640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3" name="Content Placeholder 12">
            <a:extLst>
              <a:ext uri="{FF2B5EF4-FFF2-40B4-BE49-F238E27FC236}">
                <a16:creationId xmlns:a16="http://schemas.microsoft.com/office/drawing/2014/main" id="{180BF4E0-B153-411A-B8D8-A592C7C565FF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 bwMode="white">
          <a:xfrm>
            <a:off x="9252000" y="3643200"/>
            <a:ext cx="2505600" cy="2347200"/>
          </a:xfrm>
        </p:spPr>
        <p:txBody>
          <a:bodyPr/>
          <a:lstStyle>
            <a:lvl1pPr>
              <a:defRPr sz="1600"/>
            </a:lvl1pPr>
            <a:lvl2pPr>
              <a:defRPr sz="1400"/>
            </a:lvl2pPr>
            <a:lvl3pPr>
              <a:defRPr sz="1200"/>
            </a:lvl3pPr>
            <a:lvl4pPr>
              <a:defRPr sz="1600"/>
            </a:lvl4pPr>
            <a:lvl5pPr>
              <a:defRPr sz="1600"/>
            </a:lvl5pPr>
          </a:lstStyle>
          <a:p>
            <a:pPr lvl="0"/>
            <a:r>
              <a:rPr lang="en-GB" noProof="0" dirty="0"/>
              <a:t>Click to add text             Enter &amp; TAB for next text level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7" name="Text Placeholder notes">
            <a:extLst>
              <a:ext uri="{FF2B5EF4-FFF2-40B4-BE49-F238E27FC236}">
                <a16:creationId xmlns:a16="http://schemas.microsoft.com/office/drawing/2014/main" id="{96722C69-3A89-4AF0-9262-9A43B1562829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3927600" y="5991224"/>
            <a:ext cx="4892400" cy="138113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2F964F4D-7160-4DB8-900F-F3B7AB805741}"/>
              </a:ext>
            </a:extLst>
          </p:cNvPr>
          <p:cNvSpPr>
            <a:spLocks noGrp="1"/>
          </p:cNvSpPr>
          <p:nvPr>
            <p:ph type="dt" sz="half" idx="18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3DF8B77D-D382-42D8-95C1-0C47695CBD9B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1259E83-889E-4E1B-BEA6-D8459EDC58FC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740116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026">
          <p15:clr>
            <a:srgbClr val="F26B43"/>
          </p15:clr>
        </p15:guide>
        <p15:guide id="2" orient="horz" pos="2291">
          <p15:clr>
            <a:srgbClr val="F26B43"/>
          </p15:clr>
        </p15:guide>
      </p15:sldGuideLst>
    </p:ext>
  </p:extLst>
</p:sldLayout>
</file>

<file path=ppt/slideLayouts/slideLayout6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A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048561919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ull picture, Title and Tex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10732458" y="5991225"/>
            <a:ext cx="1097592" cy="55245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1319872" y="6213914"/>
            <a:ext cx="60070" cy="83431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CF0661E8-4F26-4A53-B447-6F2633036C18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10949429 w 12193200"/>
              <a:gd name="connsiteY0" fmla="*/ 6274031 h 6861600"/>
              <a:gd name="connsiteX1" fmla="*/ 10976402 w 12193200"/>
              <a:gd name="connsiteY1" fmla="*/ 6280953 h 6861600"/>
              <a:gd name="connsiteX2" fmla="*/ 10996453 w 12193200"/>
              <a:gd name="connsiteY2" fmla="*/ 6301487 h 6861600"/>
              <a:gd name="connsiteX3" fmla="*/ 11004014 w 12193200"/>
              <a:gd name="connsiteY3" fmla="*/ 6334872 h 6861600"/>
              <a:gd name="connsiteX4" fmla="*/ 10996120 w 12193200"/>
              <a:gd name="connsiteY4" fmla="*/ 6368427 h 6861600"/>
              <a:gd name="connsiteX5" fmla="*/ 10975559 w 12193200"/>
              <a:gd name="connsiteY5" fmla="*/ 6389151 h 6861600"/>
              <a:gd name="connsiteX6" fmla="*/ 10948422 w 12193200"/>
              <a:gd name="connsiteY6" fmla="*/ 6396060 h 6861600"/>
              <a:gd name="connsiteX7" fmla="*/ 10910754 w 12193200"/>
              <a:gd name="connsiteY7" fmla="*/ 6380101 h 6861600"/>
              <a:gd name="connsiteX8" fmla="*/ 10895795 w 12193200"/>
              <a:gd name="connsiteY8" fmla="*/ 6334872 h 6861600"/>
              <a:gd name="connsiteX9" fmla="*/ 10903023 w 12193200"/>
              <a:gd name="connsiteY9" fmla="*/ 6301487 h 6861600"/>
              <a:gd name="connsiteX10" fmla="*/ 10922612 w 12193200"/>
              <a:gd name="connsiteY10" fmla="*/ 6280926 h 6861600"/>
              <a:gd name="connsiteX11" fmla="*/ 10949429 w 12193200"/>
              <a:gd name="connsiteY11" fmla="*/ 6274031 h 6861600"/>
              <a:gd name="connsiteX12" fmla="*/ 11727068 w 12193200"/>
              <a:gd name="connsiteY12" fmla="*/ 6244407 h 6861600"/>
              <a:gd name="connsiteX13" fmla="*/ 11721710 w 12193200"/>
              <a:gd name="connsiteY13" fmla="*/ 6248092 h 6861600"/>
              <a:gd name="connsiteX14" fmla="*/ 11670163 w 12193200"/>
              <a:gd name="connsiteY14" fmla="*/ 6382577 h 6861600"/>
              <a:gd name="connsiteX15" fmla="*/ 11620528 w 12193200"/>
              <a:gd name="connsiteY15" fmla="*/ 6248194 h 6861600"/>
              <a:gd name="connsiteX16" fmla="*/ 11615150 w 12193200"/>
              <a:gd name="connsiteY16" fmla="*/ 6244441 h 6861600"/>
              <a:gd name="connsiteX17" fmla="*/ 11585851 w 12193200"/>
              <a:gd name="connsiteY17" fmla="*/ 6244441 h 6861600"/>
              <a:gd name="connsiteX18" fmla="*/ 11580145 w 12193200"/>
              <a:gd name="connsiteY18" fmla="*/ 6250212 h 6861600"/>
              <a:gd name="connsiteX19" fmla="*/ 11580541 w 12193200"/>
              <a:gd name="connsiteY19" fmla="*/ 6252274 h 6861600"/>
              <a:gd name="connsiteX20" fmla="*/ 11648922 w 12193200"/>
              <a:gd name="connsiteY20" fmla="*/ 6425658 h 6861600"/>
              <a:gd name="connsiteX21" fmla="*/ 11646366 w 12193200"/>
              <a:gd name="connsiteY21" fmla="*/ 6434266 h 6861600"/>
              <a:gd name="connsiteX22" fmla="*/ 11600517 w 12193200"/>
              <a:gd name="connsiteY22" fmla="*/ 6471527 h 6861600"/>
              <a:gd name="connsiteX23" fmla="*/ 11595282 w 12193200"/>
              <a:gd name="connsiteY23" fmla="*/ 6477734 h 6861600"/>
              <a:gd name="connsiteX24" fmla="*/ 11595003 w 12193200"/>
              <a:gd name="connsiteY24" fmla="*/ 6501933 h 6861600"/>
              <a:gd name="connsiteX25" fmla="*/ 11601238 w 12193200"/>
              <a:gd name="connsiteY25" fmla="*/ 6507937 h 6861600"/>
              <a:gd name="connsiteX26" fmla="*/ 11609758 w 12193200"/>
              <a:gd name="connsiteY26" fmla="*/ 6507332 h 6861600"/>
              <a:gd name="connsiteX27" fmla="*/ 11671904 w 12193200"/>
              <a:gd name="connsiteY27" fmla="*/ 6459057 h 6861600"/>
              <a:gd name="connsiteX28" fmla="*/ 11679540 w 12193200"/>
              <a:gd name="connsiteY28" fmla="*/ 6440855 h 6861600"/>
              <a:gd name="connsiteX29" fmla="*/ 11758623 w 12193200"/>
              <a:gd name="connsiteY29" fmla="*/ 6252355 h 6861600"/>
              <a:gd name="connsiteX30" fmla="*/ 11755537 w 12193200"/>
              <a:gd name="connsiteY30" fmla="*/ 6244849 h 6861600"/>
              <a:gd name="connsiteX31" fmla="*/ 11753327 w 12193200"/>
              <a:gd name="connsiteY31" fmla="*/ 6244407 h 6861600"/>
              <a:gd name="connsiteX32" fmla="*/ 11147569 w 12193200"/>
              <a:gd name="connsiteY32" fmla="*/ 6241435 h 6861600"/>
              <a:gd name="connsiteX33" fmla="*/ 11110866 w 12193200"/>
              <a:gd name="connsiteY33" fmla="*/ 6248357 h 6861600"/>
              <a:gd name="connsiteX34" fmla="*/ 11086389 w 12193200"/>
              <a:gd name="connsiteY34" fmla="*/ 6267273 h 6861600"/>
              <a:gd name="connsiteX35" fmla="*/ 11077849 w 12193200"/>
              <a:gd name="connsiteY35" fmla="*/ 6293641 h 6861600"/>
              <a:gd name="connsiteX36" fmla="*/ 11087232 w 12193200"/>
              <a:gd name="connsiteY36" fmla="*/ 6322259 h 6861600"/>
              <a:gd name="connsiteX37" fmla="*/ 11109425 w 12193200"/>
              <a:gd name="connsiteY37" fmla="*/ 6338374 h 6861600"/>
              <a:gd name="connsiteX38" fmla="*/ 11142660 w 12193200"/>
              <a:gd name="connsiteY38" fmla="*/ 6349253 h 6861600"/>
              <a:gd name="connsiteX39" fmla="*/ 11173407 w 12193200"/>
              <a:gd name="connsiteY39" fmla="*/ 6360132 h 6861600"/>
              <a:gd name="connsiteX40" fmla="*/ 11183110 w 12193200"/>
              <a:gd name="connsiteY40" fmla="*/ 6375267 h 6861600"/>
              <a:gd name="connsiteX41" fmla="*/ 11174400 w 12193200"/>
              <a:gd name="connsiteY41" fmla="*/ 6390906 h 6861600"/>
              <a:gd name="connsiteX42" fmla="*/ 11149888 w 12193200"/>
              <a:gd name="connsiteY42" fmla="*/ 6396991 h 6861600"/>
              <a:gd name="connsiteX43" fmla="*/ 11124730 w 12193200"/>
              <a:gd name="connsiteY43" fmla="*/ 6389253 h 6861600"/>
              <a:gd name="connsiteX44" fmla="*/ 11114416 w 12193200"/>
              <a:gd name="connsiteY44" fmla="*/ 6374295 h 6861600"/>
              <a:gd name="connsiteX45" fmla="*/ 11108922 w 12193200"/>
              <a:gd name="connsiteY45" fmla="*/ 6370045 h 6861600"/>
              <a:gd name="connsiteX46" fmla="*/ 11081269 w 12193200"/>
              <a:gd name="connsiteY46" fmla="*/ 6370045 h 6861600"/>
              <a:gd name="connsiteX47" fmla="*/ 11080382 w 12193200"/>
              <a:gd name="connsiteY47" fmla="*/ 6370116 h 6861600"/>
              <a:gd name="connsiteX48" fmla="*/ 11075564 w 12193200"/>
              <a:gd name="connsiteY48" fmla="*/ 6376743 h 6861600"/>
              <a:gd name="connsiteX49" fmla="*/ 11085416 w 12193200"/>
              <a:gd name="connsiteY49" fmla="*/ 6399820 h 6861600"/>
              <a:gd name="connsiteX50" fmla="*/ 11112206 w 12193200"/>
              <a:gd name="connsiteY50" fmla="*/ 6420898 h 6861600"/>
              <a:gd name="connsiteX51" fmla="*/ 11150507 w 12193200"/>
              <a:gd name="connsiteY51" fmla="*/ 6428622 h 6861600"/>
              <a:gd name="connsiteX52" fmla="*/ 11187223 w 12193200"/>
              <a:gd name="connsiteY52" fmla="*/ 6421721 h 6861600"/>
              <a:gd name="connsiteX53" fmla="*/ 11211368 w 12193200"/>
              <a:gd name="connsiteY53" fmla="*/ 6402641 h 6861600"/>
              <a:gd name="connsiteX54" fmla="*/ 11219922 w 12193200"/>
              <a:gd name="connsiteY54" fmla="*/ 6375002 h 6861600"/>
              <a:gd name="connsiteX55" fmla="*/ 11210402 w 12193200"/>
              <a:gd name="connsiteY55" fmla="*/ 6347036 h 6861600"/>
              <a:gd name="connsiteX56" fmla="*/ 11188536 w 12193200"/>
              <a:gd name="connsiteY56" fmla="*/ 6331085 h 6861600"/>
              <a:gd name="connsiteX57" fmla="*/ 11156130 w 12193200"/>
              <a:gd name="connsiteY57" fmla="*/ 6320403 h 6861600"/>
              <a:gd name="connsiteX58" fmla="*/ 11133760 w 12193200"/>
              <a:gd name="connsiteY58" fmla="*/ 6313318 h 6861600"/>
              <a:gd name="connsiteX59" fmla="*/ 11121351 w 12193200"/>
              <a:gd name="connsiteY59" fmla="*/ 6305988 h 6861600"/>
              <a:gd name="connsiteX60" fmla="*/ 11115687 w 12193200"/>
              <a:gd name="connsiteY60" fmla="*/ 6294484 h 6861600"/>
              <a:gd name="connsiteX61" fmla="*/ 11123561 w 12193200"/>
              <a:gd name="connsiteY61" fmla="*/ 6278655 h 6861600"/>
              <a:gd name="connsiteX62" fmla="*/ 11146257 w 12193200"/>
              <a:gd name="connsiteY62" fmla="*/ 6273066 h 6861600"/>
              <a:gd name="connsiteX63" fmla="*/ 11170273 w 12193200"/>
              <a:gd name="connsiteY63" fmla="*/ 6280293 h 6861600"/>
              <a:gd name="connsiteX64" fmla="*/ 11179486 w 12193200"/>
              <a:gd name="connsiteY64" fmla="*/ 6295252 h 6861600"/>
              <a:gd name="connsiteX65" fmla="*/ 11185027 w 12193200"/>
              <a:gd name="connsiteY65" fmla="*/ 6299665 h 6861600"/>
              <a:gd name="connsiteX66" fmla="*/ 11211327 w 12193200"/>
              <a:gd name="connsiteY66" fmla="*/ 6299665 h 6861600"/>
              <a:gd name="connsiteX67" fmla="*/ 11212093 w 12193200"/>
              <a:gd name="connsiteY67" fmla="*/ 6299613 h 6861600"/>
              <a:gd name="connsiteX68" fmla="*/ 11217045 w 12193200"/>
              <a:gd name="connsiteY68" fmla="*/ 6293110 h 6861600"/>
              <a:gd name="connsiteX69" fmla="*/ 11197409 w 12193200"/>
              <a:gd name="connsiteY69" fmla="*/ 6257073 h 6861600"/>
              <a:gd name="connsiteX70" fmla="*/ 11147569 w 12193200"/>
              <a:gd name="connsiteY70" fmla="*/ 6241435 h 6861600"/>
              <a:gd name="connsiteX71" fmla="*/ 11486016 w 12193200"/>
              <a:gd name="connsiteY71" fmla="*/ 6241408 h 6861600"/>
              <a:gd name="connsiteX72" fmla="*/ 11455595 w 12193200"/>
              <a:gd name="connsiteY72" fmla="*/ 6247663 h 6861600"/>
              <a:gd name="connsiteX73" fmla="*/ 11432076 w 12193200"/>
              <a:gd name="connsiteY73" fmla="*/ 6265104 h 6861600"/>
              <a:gd name="connsiteX74" fmla="*/ 11432076 w 12193200"/>
              <a:gd name="connsiteY74" fmla="*/ 6250145 h 6861600"/>
              <a:gd name="connsiteX75" fmla="*/ 11432076 w 12193200"/>
              <a:gd name="connsiteY75" fmla="*/ 6250138 h 6861600"/>
              <a:gd name="connsiteX76" fmla="*/ 11426338 w 12193200"/>
              <a:gd name="connsiteY76" fmla="*/ 6244413 h 6861600"/>
              <a:gd name="connsiteX77" fmla="*/ 11400303 w 12193200"/>
              <a:gd name="connsiteY77" fmla="*/ 6244413 h 6861600"/>
              <a:gd name="connsiteX78" fmla="*/ 11400296 w 12193200"/>
              <a:gd name="connsiteY78" fmla="*/ 6244413 h 6861600"/>
              <a:gd name="connsiteX79" fmla="*/ 11394564 w 12193200"/>
              <a:gd name="connsiteY79" fmla="*/ 6250145 h 6861600"/>
              <a:gd name="connsiteX80" fmla="*/ 11394564 w 12193200"/>
              <a:gd name="connsiteY80" fmla="*/ 6419926 h 6861600"/>
              <a:gd name="connsiteX81" fmla="*/ 11394564 w 12193200"/>
              <a:gd name="connsiteY81" fmla="*/ 6419932 h 6861600"/>
              <a:gd name="connsiteX82" fmla="*/ 11400303 w 12193200"/>
              <a:gd name="connsiteY82" fmla="*/ 6425658 h 6861600"/>
              <a:gd name="connsiteX83" fmla="*/ 11426338 w 12193200"/>
              <a:gd name="connsiteY83" fmla="*/ 6425658 h 6861600"/>
              <a:gd name="connsiteX84" fmla="*/ 11432076 w 12193200"/>
              <a:gd name="connsiteY84" fmla="*/ 6419932 h 6861600"/>
              <a:gd name="connsiteX85" fmla="*/ 11432076 w 12193200"/>
              <a:gd name="connsiteY85" fmla="*/ 6324347 h 6861600"/>
              <a:gd name="connsiteX86" fmla="*/ 11444403 w 12193200"/>
              <a:gd name="connsiteY86" fmla="*/ 6287032 h 6861600"/>
              <a:gd name="connsiteX87" fmla="*/ 11477802 w 12193200"/>
              <a:gd name="connsiteY87" fmla="*/ 6274031 h 6861600"/>
              <a:gd name="connsiteX88" fmla="*/ 11511024 w 12193200"/>
              <a:gd name="connsiteY88" fmla="*/ 6287004 h 6861600"/>
              <a:gd name="connsiteX89" fmla="*/ 11523188 w 12193200"/>
              <a:gd name="connsiteY89" fmla="*/ 6324347 h 6861600"/>
              <a:gd name="connsiteX90" fmla="*/ 11523188 w 12193200"/>
              <a:gd name="connsiteY90" fmla="*/ 6419926 h 6861600"/>
              <a:gd name="connsiteX91" fmla="*/ 11523188 w 12193200"/>
              <a:gd name="connsiteY91" fmla="*/ 6419932 h 6861600"/>
              <a:gd name="connsiteX92" fmla="*/ 11528927 w 12193200"/>
              <a:gd name="connsiteY92" fmla="*/ 6425658 h 6861600"/>
              <a:gd name="connsiteX93" fmla="*/ 11554642 w 12193200"/>
              <a:gd name="connsiteY93" fmla="*/ 6425658 h 6861600"/>
              <a:gd name="connsiteX94" fmla="*/ 11554655 w 12193200"/>
              <a:gd name="connsiteY94" fmla="*/ 6425658 h 6861600"/>
              <a:gd name="connsiteX95" fmla="*/ 11560381 w 12193200"/>
              <a:gd name="connsiteY95" fmla="*/ 6419932 h 6861600"/>
              <a:gd name="connsiteX96" fmla="*/ 11560381 w 12193200"/>
              <a:gd name="connsiteY96" fmla="*/ 6318758 h 6861600"/>
              <a:gd name="connsiteX97" fmla="*/ 11550861 w 12193200"/>
              <a:gd name="connsiteY97" fmla="*/ 6276642 h 6861600"/>
              <a:gd name="connsiteX98" fmla="*/ 11524344 w 12193200"/>
              <a:gd name="connsiteY98" fmla="*/ 6250329 h 6861600"/>
              <a:gd name="connsiteX99" fmla="*/ 11486016 w 12193200"/>
              <a:gd name="connsiteY99" fmla="*/ 6241408 h 6861600"/>
              <a:gd name="connsiteX100" fmla="*/ 11350417 w 12193200"/>
              <a:gd name="connsiteY100" fmla="*/ 6235847 h 6861600"/>
              <a:gd name="connsiteX101" fmla="*/ 11326708 w 12193200"/>
              <a:gd name="connsiteY101" fmla="*/ 6259556 h 6861600"/>
              <a:gd name="connsiteX102" fmla="*/ 11350417 w 12193200"/>
              <a:gd name="connsiteY102" fmla="*/ 6283266 h 6861600"/>
              <a:gd name="connsiteX103" fmla="*/ 11374127 w 12193200"/>
              <a:gd name="connsiteY103" fmla="*/ 6259556 h 6861600"/>
              <a:gd name="connsiteX104" fmla="*/ 11350417 w 12193200"/>
              <a:gd name="connsiteY104" fmla="*/ 6235847 h 6861600"/>
              <a:gd name="connsiteX105" fmla="*/ 11276288 w 12193200"/>
              <a:gd name="connsiteY105" fmla="*/ 6199340 h 6861600"/>
              <a:gd name="connsiteX106" fmla="*/ 11270563 w 12193200"/>
              <a:gd name="connsiteY106" fmla="*/ 6205079 h 6861600"/>
              <a:gd name="connsiteX107" fmla="*/ 11270563 w 12193200"/>
              <a:gd name="connsiteY107" fmla="*/ 6238674 h 6861600"/>
              <a:gd name="connsiteX108" fmla="*/ 11264825 w 12193200"/>
              <a:gd name="connsiteY108" fmla="*/ 6244413 h 6861600"/>
              <a:gd name="connsiteX109" fmla="*/ 11242217 w 12193200"/>
              <a:gd name="connsiteY109" fmla="*/ 6244413 h 6861600"/>
              <a:gd name="connsiteX110" fmla="*/ 11242210 w 12193200"/>
              <a:gd name="connsiteY110" fmla="*/ 6244413 h 6861600"/>
              <a:gd name="connsiteX111" fmla="*/ 11236478 w 12193200"/>
              <a:gd name="connsiteY111" fmla="*/ 6250145 h 6861600"/>
              <a:gd name="connsiteX112" fmla="*/ 11236478 w 12193200"/>
              <a:gd name="connsiteY112" fmla="*/ 6269272 h 6861600"/>
              <a:gd name="connsiteX113" fmla="*/ 11242217 w 12193200"/>
              <a:gd name="connsiteY113" fmla="*/ 6274997 h 6861600"/>
              <a:gd name="connsiteX114" fmla="*/ 11264825 w 12193200"/>
              <a:gd name="connsiteY114" fmla="*/ 6274997 h 6861600"/>
              <a:gd name="connsiteX115" fmla="*/ 11270563 w 12193200"/>
              <a:gd name="connsiteY115" fmla="*/ 6280735 h 6861600"/>
              <a:gd name="connsiteX116" fmla="*/ 11270563 w 12193200"/>
              <a:gd name="connsiteY116" fmla="*/ 6375342 h 6861600"/>
              <a:gd name="connsiteX117" fmla="*/ 11284040 w 12193200"/>
              <a:gd name="connsiteY117" fmla="*/ 6413826 h 6861600"/>
              <a:gd name="connsiteX118" fmla="*/ 11322857 w 12193200"/>
              <a:gd name="connsiteY118" fmla="*/ 6425671 h 6861600"/>
              <a:gd name="connsiteX119" fmla="*/ 11346750 w 12193200"/>
              <a:gd name="connsiteY119" fmla="*/ 6425671 h 6861600"/>
              <a:gd name="connsiteX120" fmla="*/ 11346757 w 12193200"/>
              <a:gd name="connsiteY120" fmla="*/ 6425671 h 6861600"/>
              <a:gd name="connsiteX121" fmla="*/ 11352489 w 12193200"/>
              <a:gd name="connsiteY121" fmla="*/ 6419939 h 6861600"/>
              <a:gd name="connsiteX122" fmla="*/ 11352489 w 12193200"/>
              <a:gd name="connsiteY122" fmla="*/ 6400153 h 6861600"/>
              <a:gd name="connsiteX123" fmla="*/ 11352489 w 12193200"/>
              <a:gd name="connsiteY123" fmla="*/ 6400146 h 6861600"/>
              <a:gd name="connsiteX124" fmla="*/ 11346750 w 12193200"/>
              <a:gd name="connsiteY124" fmla="*/ 6394421 h 6861600"/>
              <a:gd name="connsiteX125" fmla="*/ 11329466 w 12193200"/>
              <a:gd name="connsiteY125" fmla="*/ 6394421 h 6861600"/>
              <a:gd name="connsiteX126" fmla="*/ 11313148 w 12193200"/>
              <a:gd name="connsiteY126" fmla="*/ 6389988 h 6861600"/>
              <a:gd name="connsiteX127" fmla="*/ 11308388 w 12193200"/>
              <a:gd name="connsiteY127" fmla="*/ 6375342 h 6861600"/>
              <a:gd name="connsiteX128" fmla="*/ 11308388 w 12193200"/>
              <a:gd name="connsiteY128" fmla="*/ 6205079 h 6861600"/>
              <a:gd name="connsiteX129" fmla="*/ 11302650 w 12193200"/>
              <a:gd name="connsiteY129" fmla="*/ 6199340 h 6861600"/>
              <a:gd name="connsiteX130" fmla="*/ 11276295 w 12193200"/>
              <a:gd name="connsiteY130" fmla="*/ 6199340 h 6861600"/>
              <a:gd name="connsiteX131" fmla="*/ 11276288 w 12193200"/>
              <a:gd name="connsiteY131" fmla="*/ 6199340 h 6861600"/>
              <a:gd name="connsiteX132" fmla="*/ 11010705 w 12193200"/>
              <a:gd name="connsiteY132" fmla="*/ 6199340 h 6861600"/>
              <a:gd name="connsiteX133" fmla="*/ 11005007 w 12193200"/>
              <a:gd name="connsiteY133" fmla="*/ 6205038 h 6861600"/>
              <a:gd name="connsiteX134" fmla="*/ 11005007 w 12193200"/>
              <a:gd name="connsiteY134" fmla="*/ 6257903 h 6861600"/>
              <a:gd name="connsiteX135" fmla="*/ 10997106 w 12193200"/>
              <a:gd name="connsiteY135" fmla="*/ 6252953 h 6861600"/>
              <a:gd name="connsiteX136" fmla="*/ 10950068 w 12193200"/>
              <a:gd name="connsiteY136" fmla="*/ 6241428 h 6861600"/>
              <a:gd name="connsiteX137" fmla="*/ 10903016 w 12193200"/>
              <a:gd name="connsiteY137" fmla="*/ 6252953 h 6861600"/>
              <a:gd name="connsiteX138" fmla="*/ 10869794 w 12193200"/>
              <a:gd name="connsiteY138" fmla="*/ 6285848 h 6861600"/>
              <a:gd name="connsiteX139" fmla="*/ 10857637 w 12193200"/>
              <a:gd name="connsiteY139" fmla="*/ 6334872 h 6861600"/>
              <a:gd name="connsiteX140" fmla="*/ 10869482 w 12193200"/>
              <a:gd name="connsiteY140" fmla="*/ 6384052 h 6861600"/>
              <a:gd name="connsiteX141" fmla="*/ 10902051 w 12193200"/>
              <a:gd name="connsiteY141" fmla="*/ 6416954 h 6861600"/>
              <a:gd name="connsiteX142" fmla="*/ 10948429 w 12193200"/>
              <a:gd name="connsiteY142" fmla="*/ 6428622 h 6861600"/>
              <a:gd name="connsiteX143" fmla="*/ 10995964 w 12193200"/>
              <a:gd name="connsiteY143" fmla="*/ 6416954 h 6861600"/>
              <a:gd name="connsiteX144" fmla="*/ 11030015 w 12193200"/>
              <a:gd name="connsiteY144" fmla="*/ 6383889 h 6861600"/>
              <a:gd name="connsiteX145" fmla="*/ 11042512 w 12193200"/>
              <a:gd name="connsiteY145" fmla="*/ 6318411 h 6861600"/>
              <a:gd name="connsiteX146" fmla="*/ 11042512 w 12193200"/>
              <a:gd name="connsiteY146" fmla="*/ 6205038 h 6861600"/>
              <a:gd name="connsiteX147" fmla="*/ 11036814 w 12193200"/>
              <a:gd name="connsiteY147" fmla="*/ 6199340 h 6861600"/>
              <a:gd name="connsiteX148" fmla="*/ 0 w 12193200"/>
              <a:gd name="connsiteY148" fmla="*/ 0 h 6861600"/>
              <a:gd name="connsiteX149" fmla="*/ 12193200 w 12193200"/>
              <a:gd name="connsiteY149" fmla="*/ 0 h 6861600"/>
              <a:gd name="connsiteX150" fmla="*/ 12193200 w 12193200"/>
              <a:gd name="connsiteY150" fmla="*/ 6861600 h 6861600"/>
              <a:gd name="connsiteX151" fmla="*/ 0 w 12193200"/>
              <a:gd name="connsiteY151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</a:cxnLst>
            <a:rect l="l" t="t" r="r" b="b"/>
            <a:pathLst>
              <a:path w="12193200" h="6861600">
                <a:moveTo>
                  <a:pt x="10949429" y="6274031"/>
                </a:moveTo>
                <a:cubicBezTo>
                  <a:pt x="10958866" y="6273979"/>
                  <a:pt x="10968156" y="6276363"/>
                  <a:pt x="10976402" y="6280953"/>
                </a:cubicBezTo>
                <a:cubicBezTo>
                  <a:pt x="10984711" y="6285540"/>
                  <a:pt x="10991394" y="6292385"/>
                  <a:pt x="10996453" y="6301487"/>
                </a:cubicBezTo>
                <a:cubicBezTo>
                  <a:pt x="11001512" y="6310589"/>
                  <a:pt x="11004032" y="6321717"/>
                  <a:pt x="11004014" y="6334872"/>
                </a:cubicBezTo>
                <a:cubicBezTo>
                  <a:pt x="11004014" y="6348031"/>
                  <a:pt x="11001383" y="6359216"/>
                  <a:pt x="10996120" y="6368427"/>
                </a:cubicBezTo>
                <a:cubicBezTo>
                  <a:pt x="10990857" y="6377642"/>
                  <a:pt x="10984004" y="6384550"/>
                  <a:pt x="10975559" y="6389151"/>
                </a:cubicBezTo>
                <a:cubicBezTo>
                  <a:pt x="10967247" y="6393722"/>
                  <a:pt x="10957907" y="6396100"/>
                  <a:pt x="10948422" y="6396060"/>
                </a:cubicBezTo>
                <a:cubicBezTo>
                  <a:pt x="10933287" y="6396060"/>
                  <a:pt x="10920731" y="6390740"/>
                  <a:pt x="10910754" y="6380101"/>
                </a:cubicBezTo>
                <a:cubicBezTo>
                  <a:pt x="10900777" y="6369462"/>
                  <a:pt x="10895790" y="6354386"/>
                  <a:pt x="10895795" y="6334872"/>
                </a:cubicBezTo>
                <a:cubicBezTo>
                  <a:pt x="10895795" y="6321727"/>
                  <a:pt x="10898204" y="6310598"/>
                  <a:pt x="10903023" y="6301487"/>
                </a:cubicBezTo>
                <a:cubicBezTo>
                  <a:pt x="10907842" y="6292376"/>
                  <a:pt x="10914371" y="6285522"/>
                  <a:pt x="10922612" y="6280926"/>
                </a:cubicBezTo>
                <a:cubicBezTo>
                  <a:pt x="10930796" y="6276326"/>
                  <a:pt x="10940041" y="6273949"/>
                  <a:pt x="10949429" y="6274031"/>
                </a:cubicBezTo>
                <a:close/>
                <a:moveTo>
                  <a:pt x="11727068" y="6244407"/>
                </a:moveTo>
                <a:cubicBezTo>
                  <a:pt x="11724690" y="6244407"/>
                  <a:pt x="11722560" y="6245873"/>
                  <a:pt x="11721710" y="6248092"/>
                </a:cubicBezTo>
                <a:lnTo>
                  <a:pt x="11670163" y="6382577"/>
                </a:lnTo>
                <a:lnTo>
                  <a:pt x="11620528" y="6248194"/>
                </a:lnTo>
                <a:cubicBezTo>
                  <a:pt x="11619697" y="6245941"/>
                  <a:pt x="11617551" y="6244443"/>
                  <a:pt x="11615150" y="6244441"/>
                </a:cubicBezTo>
                <a:lnTo>
                  <a:pt x="11585851" y="6244441"/>
                </a:lnTo>
                <a:cubicBezTo>
                  <a:pt x="11582682" y="6244459"/>
                  <a:pt x="11580127" y="6247043"/>
                  <a:pt x="11580145" y="6250212"/>
                </a:cubicBezTo>
                <a:cubicBezTo>
                  <a:pt x="11580149" y="6250918"/>
                  <a:pt x="11580283" y="6251617"/>
                  <a:pt x="11580541" y="6252274"/>
                </a:cubicBezTo>
                <a:lnTo>
                  <a:pt x="11648922" y="6425658"/>
                </a:lnTo>
                <a:cubicBezTo>
                  <a:pt x="11648361" y="6428606"/>
                  <a:pt x="11647504" y="6431490"/>
                  <a:pt x="11646366" y="6434266"/>
                </a:cubicBezTo>
                <a:cubicBezTo>
                  <a:pt x="11638438" y="6454086"/>
                  <a:pt x="11623928" y="6468854"/>
                  <a:pt x="11600517" y="6471527"/>
                </a:cubicBezTo>
                <a:cubicBezTo>
                  <a:pt x="11597453" y="6471973"/>
                  <a:pt x="11595205" y="6474639"/>
                  <a:pt x="11595282" y="6477734"/>
                </a:cubicBezTo>
                <a:cubicBezTo>
                  <a:pt x="11595282" y="6480230"/>
                  <a:pt x="11595003" y="6497697"/>
                  <a:pt x="11595003" y="6501933"/>
                </a:cubicBezTo>
                <a:cubicBezTo>
                  <a:pt x="11595003" y="6506170"/>
                  <a:pt x="11597213" y="6507937"/>
                  <a:pt x="11601238" y="6507937"/>
                </a:cubicBezTo>
                <a:cubicBezTo>
                  <a:pt x="11604090" y="6507963"/>
                  <a:pt x="11606939" y="6507761"/>
                  <a:pt x="11609758" y="6507332"/>
                </a:cubicBezTo>
                <a:cubicBezTo>
                  <a:pt x="11642497" y="6501893"/>
                  <a:pt x="11660848" y="6484581"/>
                  <a:pt x="11671904" y="6459057"/>
                </a:cubicBezTo>
                <a:cubicBezTo>
                  <a:pt x="11674937" y="6452060"/>
                  <a:pt x="11677133" y="6446668"/>
                  <a:pt x="11679540" y="6440855"/>
                </a:cubicBezTo>
                <a:lnTo>
                  <a:pt x="11758623" y="6252355"/>
                </a:lnTo>
                <a:cubicBezTo>
                  <a:pt x="11759844" y="6249430"/>
                  <a:pt x="11758462" y="6246070"/>
                  <a:pt x="11755537" y="6244849"/>
                </a:cubicBezTo>
                <a:cubicBezTo>
                  <a:pt x="11754837" y="6244557"/>
                  <a:pt x="11754086" y="6244407"/>
                  <a:pt x="11753327" y="6244407"/>
                </a:cubicBezTo>
                <a:close/>
                <a:moveTo>
                  <a:pt x="11147569" y="6241435"/>
                </a:moveTo>
                <a:cubicBezTo>
                  <a:pt x="11133721" y="6241439"/>
                  <a:pt x="11121487" y="6243747"/>
                  <a:pt x="11110866" y="6248357"/>
                </a:cubicBezTo>
                <a:cubicBezTo>
                  <a:pt x="11100246" y="6252967"/>
                  <a:pt x="11092086" y="6259272"/>
                  <a:pt x="11086389" y="6267273"/>
                </a:cubicBezTo>
                <a:cubicBezTo>
                  <a:pt x="11080814" y="6274932"/>
                  <a:pt x="11077823" y="6284167"/>
                  <a:pt x="11077849" y="6293641"/>
                </a:cubicBezTo>
                <a:cubicBezTo>
                  <a:pt x="11077849" y="6305467"/>
                  <a:pt x="11080976" y="6315006"/>
                  <a:pt x="11087232" y="6322259"/>
                </a:cubicBezTo>
                <a:cubicBezTo>
                  <a:pt x="11093234" y="6329329"/>
                  <a:pt x="11100844" y="6334855"/>
                  <a:pt x="11109425" y="6338374"/>
                </a:cubicBezTo>
                <a:cubicBezTo>
                  <a:pt x="11117983" y="6341909"/>
                  <a:pt x="11129061" y="6345536"/>
                  <a:pt x="11142660" y="6349253"/>
                </a:cubicBezTo>
                <a:cubicBezTo>
                  <a:pt x="11156690" y="6353214"/>
                  <a:pt x="11166939" y="6356841"/>
                  <a:pt x="11173407" y="6360132"/>
                </a:cubicBezTo>
                <a:cubicBezTo>
                  <a:pt x="11179876" y="6363423"/>
                  <a:pt x="11183110" y="6368468"/>
                  <a:pt x="11183110" y="6375267"/>
                </a:cubicBezTo>
                <a:cubicBezTo>
                  <a:pt x="11183110" y="6381636"/>
                  <a:pt x="11180206" y="6386849"/>
                  <a:pt x="11174400" y="6390906"/>
                </a:cubicBezTo>
                <a:cubicBezTo>
                  <a:pt x="11168593" y="6394963"/>
                  <a:pt x="11160422" y="6396991"/>
                  <a:pt x="11149888" y="6396991"/>
                </a:cubicBezTo>
                <a:cubicBezTo>
                  <a:pt x="11139807" y="6397000"/>
                  <a:pt x="11131421" y="6394421"/>
                  <a:pt x="11124730" y="6389253"/>
                </a:cubicBezTo>
                <a:cubicBezTo>
                  <a:pt x="11119309" y="6385101"/>
                  <a:pt x="11115871" y="6380115"/>
                  <a:pt x="11114416" y="6374295"/>
                </a:cubicBezTo>
                <a:cubicBezTo>
                  <a:pt x="11113772" y="6371789"/>
                  <a:pt x="11111509" y="6370038"/>
                  <a:pt x="11108922" y="6370045"/>
                </a:cubicBezTo>
                <a:lnTo>
                  <a:pt x="11081269" y="6370045"/>
                </a:lnTo>
                <a:cubicBezTo>
                  <a:pt x="11080971" y="6370046"/>
                  <a:pt x="11080675" y="6370070"/>
                  <a:pt x="11080382" y="6370116"/>
                </a:cubicBezTo>
                <a:cubicBezTo>
                  <a:pt x="11077222" y="6370616"/>
                  <a:pt x="11075064" y="6373582"/>
                  <a:pt x="11075564" y="6376743"/>
                </a:cubicBezTo>
                <a:cubicBezTo>
                  <a:pt x="11076938" y="6385117"/>
                  <a:pt x="11080318" y="6393035"/>
                  <a:pt x="11085416" y="6399820"/>
                </a:cubicBezTo>
                <a:cubicBezTo>
                  <a:pt x="11091984" y="6408722"/>
                  <a:pt x="11100914" y="6415749"/>
                  <a:pt x="11112206" y="6420898"/>
                </a:cubicBezTo>
                <a:cubicBezTo>
                  <a:pt x="11123502" y="6426047"/>
                  <a:pt x="11136269" y="6428622"/>
                  <a:pt x="11150507" y="6428622"/>
                </a:cubicBezTo>
                <a:cubicBezTo>
                  <a:pt x="11164577" y="6428649"/>
                  <a:pt x="11176816" y="6426349"/>
                  <a:pt x="11187223" y="6421721"/>
                </a:cubicBezTo>
                <a:cubicBezTo>
                  <a:pt x="11197631" y="6417092"/>
                  <a:pt x="11205679" y="6410733"/>
                  <a:pt x="11211368" y="6402641"/>
                </a:cubicBezTo>
                <a:cubicBezTo>
                  <a:pt x="11217063" y="6394561"/>
                  <a:pt x="11220057" y="6384887"/>
                  <a:pt x="11219922" y="6375002"/>
                </a:cubicBezTo>
                <a:cubicBezTo>
                  <a:pt x="11219722" y="6363389"/>
                  <a:pt x="11216549" y="6354067"/>
                  <a:pt x="11210402" y="6347036"/>
                </a:cubicBezTo>
                <a:cubicBezTo>
                  <a:pt x="11204411" y="6340136"/>
                  <a:pt x="11196935" y="6334683"/>
                  <a:pt x="11188536" y="6331085"/>
                </a:cubicBezTo>
                <a:cubicBezTo>
                  <a:pt x="11180077" y="6327463"/>
                  <a:pt x="11169275" y="6323902"/>
                  <a:pt x="11156130" y="6320403"/>
                </a:cubicBezTo>
                <a:cubicBezTo>
                  <a:pt x="11146262" y="6317556"/>
                  <a:pt x="11138805" y="6315195"/>
                  <a:pt x="11133760" y="6313318"/>
                </a:cubicBezTo>
                <a:cubicBezTo>
                  <a:pt x="11129188" y="6311701"/>
                  <a:pt x="11124974" y="6309212"/>
                  <a:pt x="11121351" y="6305988"/>
                </a:cubicBezTo>
                <a:cubicBezTo>
                  <a:pt x="11118006" y="6303061"/>
                  <a:pt x="11115967" y="6298920"/>
                  <a:pt x="11115687" y="6294484"/>
                </a:cubicBezTo>
                <a:cubicBezTo>
                  <a:pt x="11115370" y="6287843"/>
                  <a:pt x="11117994" y="6282567"/>
                  <a:pt x="11123561" y="6278655"/>
                </a:cubicBezTo>
                <a:cubicBezTo>
                  <a:pt x="11128828" y="6274929"/>
                  <a:pt x="11136393" y="6273066"/>
                  <a:pt x="11146257" y="6273066"/>
                </a:cubicBezTo>
                <a:cubicBezTo>
                  <a:pt x="11156375" y="6273061"/>
                  <a:pt x="11164380" y="6275470"/>
                  <a:pt x="11170273" y="6280293"/>
                </a:cubicBezTo>
                <a:cubicBezTo>
                  <a:pt x="11174982" y="6284063"/>
                  <a:pt x="11178238" y="6289350"/>
                  <a:pt x="11179486" y="6295252"/>
                </a:cubicBezTo>
                <a:cubicBezTo>
                  <a:pt x="11180069" y="6297841"/>
                  <a:pt x="11182374" y="6299676"/>
                  <a:pt x="11185027" y="6299665"/>
                </a:cubicBezTo>
                <a:lnTo>
                  <a:pt x="11211327" y="6299665"/>
                </a:lnTo>
                <a:cubicBezTo>
                  <a:pt x="11211583" y="6299664"/>
                  <a:pt x="11211839" y="6299647"/>
                  <a:pt x="11212093" y="6299613"/>
                </a:cubicBezTo>
                <a:cubicBezTo>
                  <a:pt x="11215256" y="6299184"/>
                  <a:pt x="11217474" y="6296273"/>
                  <a:pt x="11217045" y="6293110"/>
                </a:cubicBezTo>
                <a:cubicBezTo>
                  <a:pt x="11214992" y="6278201"/>
                  <a:pt x="11208447" y="6266189"/>
                  <a:pt x="11197409" y="6257073"/>
                </a:cubicBezTo>
                <a:cubicBezTo>
                  <a:pt x="11184798" y="6246648"/>
                  <a:pt x="11168185" y="6241435"/>
                  <a:pt x="11147569" y="6241435"/>
                </a:cubicBezTo>
                <a:close/>
                <a:moveTo>
                  <a:pt x="11486016" y="6241408"/>
                </a:moveTo>
                <a:cubicBezTo>
                  <a:pt x="11475551" y="6241355"/>
                  <a:pt x="11465190" y="6243485"/>
                  <a:pt x="11455595" y="6247663"/>
                </a:cubicBezTo>
                <a:cubicBezTo>
                  <a:pt x="11446044" y="6251834"/>
                  <a:pt x="11438204" y="6257647"/>
                  <a:pt x="11432076" y="6265104"/>
                </a:cubicBezTo>
                <a:lnTo>
                  <a:pt x="11432076" y="6250145"/>
                </a:lnTo>
                <a:cubicBezTo>
                  <a:pt x="11432076" y="6250143"/>
                  <a:pt x="11432076" y="6250140"/>
                  <a:pt x="11432076" y="6250138"/>
                </a:cubicBezTo>
                <a:cubicBezTo>
                  <a:pt x="11432072" y="6246973"/>
                  <a:pt x="11429503" y="6244409"/>
                  <a:pt x="11426338" y="6244413"/>
                </a:cubicBezTo>
                <a:lnTo>
                  <a:pt x="11400303" y="6244413"/>
                </a:lnTo>
                <a:cubicBezTo>
                  <a:pt x="11400301" y="6244413"/>
                  <a:pt x="11400298" y="6244413"/>
                  <a:pt x="11400296" y="6244413"/>
                </a:cubicBezTo>
                <a:cubicBezTo>
                  <a:pt x="11397130" y="6244413"/>
                  <a:pt x="11394564" y="6246979"/>
                  <a:pt x="11394564" y="6250145"/>
                </a:cubicBezTo>
                <a:lnTo>
                  <a:pt x="11394564" y="6419926"/>
                </a:lnTo>
                <a:cubicBezTo>
                  <a:pt x="11394564" y="6419928"/>
                  <a:pt x="11394564" y="6419930"/>
                  <a:pt x="11394564" y="6419932"/>
                </a:cubicBezTo>
                <a:cubicBezTo>
                  <a:pt x="11394568" y="6423098"/>
                  <a:pt x="11397137" y="6425662"/>
                  <a:pt x="11400303" y="6425658"/>
                </a:cubicBezTo>
                <a:lnTo>
                  <a:pt x="11426338" y="6425658"/>
                </a:lnTo>
                <a:cubicBezTo>
                  <a:pt x="11429503" y="6425662"/>
                  <a:pt x="11432072" y="6423098"/>
                  <a:pt x="11432076" y="6419932"/>
                </a:cubicBezTo>
                <a:lnTo>
                  <a:pt x="11432076" y="6324347"/>
                </a:lnTo>
                <a:cubicBezTo>
                  <a:pt x="11432081" y="6308137"/>
                  <a:pt x="11436190" y="6295699"/>
                  <a:pt x="11444403" y="6287032"/>
                </a:cubicBezTo>
                <a:cubicBezTo>
                  <a:pt x="11452617" y="6278365"/>
                  <a:pt x="11463750" y="6274031"/>
                  <a:pt x="11477802" y="6274031"/>
                </a:cubicBezTo>
                <a:cubicBezTo>
                  <a:pt x="11491841" y="6274022"/>
                  <a:pt x="11502914" y="6278347"/>
                  <a:pt x="11511024" y="6287004"/>
                </a:cubicBezTo>
                <a:cubicBezTo>
                  <a:pt x="11519133" y="6295662"/>
                  <a:pt x="11523188" y="6308110"/>
                  <a:pt x="11523188" y="6324347"/>
                </a:cubicBezTo>
                <a:lnTo>
                  <a:pt x="11523188" y="6419926"/>
                </a:lnTo>
                <a:cubicBezTo>
                  <a:pt x="11523188" y="6419928"/>
                  <a:pt x="11523188" y="6419930"/>
                  <a:pt x="11523188" y="6419932"/>
                </a:cubicBezTo>
                <a:cubicBezTo>
                  <a:pt x="11523192" y="6423098"/>
                  <a:pt x="11525761" y="6425662"/>
                  <a:pt x="11528927" y="6425658"/>
                </a:cubicBezTo>
                <a:lnTo>
                  <a:pt x="11554642" y="6425658"/>
                </a:lnTo>
                <a:cubicBezTo>
                  <a:pt x="11554647" y="6425658"/>
                  <a:pt x="11554651" y="6425658"/>
                  <a:pt x="11554655" y="6425658"/>
                </a:cubicBezTo>
                <a:cubicBezTo>
                  <a:pt x="11557817" y="6425658"/>
                  <a:pt x="11560381" y="6423094"/>
                  <a:pt x="11560381" y="6419932"/>
                </a:cubicBezTo>
                <a:lnTo>
                  <a:pt x="11560381" y="6318758"/>
                </a:lnTo>
                <a:cubicBezTo>
                  <a:pt x="11560421" y="6302308"/>
                  <a:pt x="11557248" y="6288269"/>
                  <a:pt x="11550861" y="6276642"/>
                </a:cubicBezTo>
                <a:cubicBezTo>
                  <a:pt x="11544475" y="6265015"/>
                  <a:pt x="11535636" y="6256244"/>
                  <a:pt x="11524344" y="6250329"/>
                </a:cubicBezTo>
                <a:cubicBezTo>
                  <a:pt x="11513052" y="6244400"/>
                  <a:pt x="11500276" y="6241426"/>
                  <a:pt x="11486016" y="6241408"/>
                </a:cubicBezTo>
                <a:close/>
                <a:moveTo>
                  <a:pt x="11350417" y="6235847"/>
                </a:moveTo>
                <a:cubicBezTo>
                  <a:pt x="11337323" y="6235847"/>
                  <a:pt x="11326708" y="6246462"/>
                  <a:pt x="11326708" y="6259556"/>
                </a:cubicBezTo>
                <a:cubicBezTo>
                  <a:pt x="11326708" y="6272651"/>
                  <a:pt x="11337323" y="6283266"/>
                  <a:pt x="11350417" y="6283266"/>
                </a:cubicBezTo>
                <a:cubicBezTo>
                  <a:pt x="11363512" y="6283266"/>
                  <a:pt x="11374127" y="6272651"/>
                  <a:pt x="11374127" y="6259556"/>
                </a:cubicBezTo>
                <a:cubicBezTo>
                  <a:pt x="11374127" y="6246462"/>
                  <a:pt x="11363512" y="6235847"/>
                  <a:pt x="11350417" y="6235847"/>
                </a:cubicBezTo>
                <a:close/>
                <a:moveTo>
                  <a:pt x="11276288" y="6199340"/>
                </a:moveTo>
                <a:cubicBezTo>
                  <a:pt x="11273123" y="6199344"/>
                  <a:pt x="11270559" y="6201913"/>
                  <a:pt x="11270563" y="6205079"/>
                </a:cubicBezTo>
                <a:lnTo>
                  <a:pt x="11270563" y="6238674"/>
                </a:lnTo>
                <a:cubicBezTo>
                  <a:pt x="11270563" y="6241844"/>
                  <a:pt x="11267994" y="6244413"/>
                  <a:pt x="11264825" y="6244413"/>
                </a:cubicBezTo>
                <a:lnTo>
                  <a:pt x="11242217" y="6244413"/>
                </a:lnTo>
                <a:cubicBezTo>
                  <a:pt x="11242215" y="6244413"/>
                  <a:pt x="11242212" y="6244413"/>
                  <a:pt x="11242210" y="6244413"/>
                </a:cubicBezTo>
                <a:cubicBezTo>
                  <a:pt x="11239044" y="6244413"/>
                  <a:pt x="11236478" y="6246979"/>
                  <a:pt x="11236478" y="6250145"/>
                </a:cubicBezTo>
                <a:lnTo>
                  <a:pt x="11236478" y="6269272"/>
                </a:lnTo>
                <a:cubicBezTo>
                  <a:pt x="11236485" y="6272436"/>
                  <a:pt x="11239053" y="6274997"/>
                  <a:pt x="11242217" y="6274997"/>
                </a:cubicBezTo>
                <a:lnTo>
                  <a:pt x="11264825" y="6274997"/>
                </a:lnTo>
                <a:cubicBezTo>
                  <a:pt x="11267994" y="6274997"/>
                  <a:pt x="11270563" y="6277566"/>
                  <a:pt x="11270563" y="6280735"/>
                </a:cubicBezTo>
                <a:lnTo>
                  <a:pt x="11270563" y="6375342"/>
                </a:lnTo>
                <a:cubicBezTo>
                  <a:pt x="11270559" y="6393102"/>
                  <a:pt x="11275051" y="6405930"/>
                  <a:pt x="11284040" y="6413826"/>
                </a:cubicBezTo>
                <a:cubicBezTo>
                  <a:pt x="11293028" y="6421723"/>
                  <a:pt x="11305968" y="6425671"/>
                  <a:pt x="11322857" y="6425671"/>
                </a:cubicBezTo>
                <a:lnTo>
                  <a:pt x="11346750" y="6425671"/>
                </a:lnTo>
                <a:cubicBezTo>
                  <a:pt x="11346752" y="6425671"/>
                  <a:pt x="11346755" y="6425671"/>
                  <a:pt x="11346757" y="6425671"/>
                </a:cubicBezTo>
                <a:cubicBezTo>
                  <a:pt x="11349923" y="6425671"/>
                  <a:pt x="11352489" y="6423105"/>
                  <a:pt x="11352489" y="6419939"/>
                </a:cubicBezTo>
                <a:lnTo>
                  <a:pt x="11352489" y="6400153"/>
                </a:lnTo>
                <a:cubicBezTo>
                  <a:pt x="11352489" y="6400151"/>
                  <a:pt x="11352489" y="6400148"/>
                  <a:pt x="11352489" y="6400146"/>
                </a:cubicBezTo>
                <a:cubicBezTo>
                  <a:pt x="11352485" y="6396980"/>
                  <a:pt x="11349916" y="6394417"/>
                  <a:pt x="11346750" y="6394421"/>
                </a:cubicBezTo>
                <a:lnTo>
                  <a:pt x="11329466" y="6394421"/>
                </a:lnTo>
                <a:cubicBezTo>
                  <a:pt x="11321756" y="6394421"/>
                  <a:pt x="11316330" y="6392959"/>
                  <a:pt x="11313148" y="6389988"/>
                </a:cubicBezTo>
                <a:cubicBezTo>
                  <a:pt x="11309966" y="6387016"/>
                  <a:pt x="11308388" y="6382141"/>
                  <a:pt x="11308388" y="6375342"/>
                </a:cubicBezTo>
                <a:lnTo>
                  <a:pt x="11308388" y="6205079"/>
                </a:lnTo>
                <a:cubicBezTo>
                  <a:pt x="11308388" y="6201909"/>
                  <a:pt x="11305819" y="6199340"/>
                  <a:pt x="11302650" y="6199340"/>
                </a:cubicBezTo>
                <a:lnTo>
                  <a:pt x="11276295" y="6199340"/>
                </a:lnTo>
                <a:cubicBezTo>
                  <a:pt x="11276293" y="6199340"/>
                  <a:pt x="11276290" y="6199340"/>
                  <a:pt x="11276288" y="6199340"/>
                </a:cubicBezTo>
                <a:close/>
                <a:moveTo>
                  <a:pt x="11010705" y="6199340"/>
                </a:moveTo>
                <a:cubicBezTo>
                  <a:pt x="11007558" y="6199340"/>
                  <a:pt x="11005007" y="6201891"/>
                  <a:pt x="11005007" y="6205038"/>
                </a:cubicBezTo>
                <a:lnTo>
                  <a:pt x="11005007" y="6257903"/>
                </a:lnTo>
                <a:cubicBezTo>
                  <a:pt x="11002465" y="6256112"/>
                  <a:pt x="10999827" y="6254459"/>
                  <a:pt x="10997106" y="6252953"/>
                </a:cubicBezTo>
                <a:cubicBezTo>
                  <a:pt x="10983054" y="6245247"/>
                  <a:pt x="10967374" y="6241405"/>
                  <a:pt x="10950068" y="6241428"/>
                </a:cubicBezTo>
                <a:cubicBezTo>
                  <a:pt x="10932761" y="6241451"/>
                  <a:pt x="10917077" y="6245292"/>
                  <a:pt x="10903016" y="6252953"/>
                </a:cubicBezTo>
                <a:cubicBezTo>
                  <a:pt x="10889055" y="6260557"/>
                  <a:pt x="10877535" y="6271963"/>
                  <a:pt x="10869794" y="6285848"/>
                </a:cubicBezTo>
                <a:cubicBezTo>
                  <a:pt x="10861689" y="6300104"/>
                  <a:pt x="10857637" y="6316446"/>
                  <a:pt x="10857637" y="6334872"/>
                </a:cubicBezTo>
                <a:cubicBezTo>
                  <a:pt x="10857637" y="6353516"/>
                  <a:pt x="10861585" y="6369909"/>
                  <a:pt x="10869482" y="6384052"/>
                </a:cubicBezTo>
                <a:cubicBezTo>
                  <a:pt x="10877030" y="6397862"/>
                  <a:pt x="10888318" y="6409265"/>
                  <a:pt x="10902051" y="6416954"/>
                </a:cubicBezTo>
                <a:cubicBezTo>
                  <a:pt x="10915858" y="6424733"/>
                  <a:pt x="10931317" y="6428622"/>
                  <a:pt x="10948429" y="6428622"/>
                </a:cubicBezTo>
                <a:cubicBezTo>
                  <a:pt x="10965754" y="6428622"/>
                  <a:pt x="10981599" y="6424733"/>
                  <a:pt x="10995964" y="6416954"/>
                </a:cubicBezTo>
                <a:cubicBezTo>
                  <a:pt x="11010324" y="6409162"/>
                  <a:pt x="11022005" y="6398331"/>
                  <a:pt x="11030015" y="6383889"/>
                </a:cubicBezTo>
                <a:cubicBezTo>
                  <a:pt x="11040425" y="6365129"/>
                  <a:pt x="11042512" y="6348022"/>
                  <a:pt x="11042512" y="6318411"/>
                </a:cubicBezTo>
                <a:lnTo>
                  <a:pt x="11042512" y="6205038"/>
                </a:lnTo>
                <a:cubicBezTo>
                  <a:pt x="11042512" y="6201891"/>
                  <a:pt x="11039961" y="6199340"/>
                  <a:pt x="11036814" y="6199340"/>
                </a:cubicBez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0" bIns="576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505600" cy="1915200"/>
          </a:xfrm>
        </p:spPr>
        <p:txBody>
          <a:bodyPr anchor="t" anchorCtr="0"/>
          <a:lstStyle>
            <a:lvl1pPr algn="l">
              <a:defRPr sz="2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8265B12D-AFCA-4C69-8772-3103D984CD92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0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3" name="Text Placeholder 4">
            <a:extLst>
              <a:ext uri="{FF2B5EF4-FFF2-40B4-BE49-F238E27FC236}">
                <a16:creationId xmlns:a16="http://schemas.microsoft.com/office/drawing/2014/main" id="{D37CD5E9-4514-4A77-9781-C0FC80437A7D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33732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F023000C-62EC-4AE1-9428-2B6EA4DF5F7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 bwMode="white">
          <a:xfrm>
            <a:off x="63108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FE03E1E-7BBA-4981-A199-083F8DE64A6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 bwMode="white">
          <a:xfrm>
            <a:off x="9248400" y="3643200"/>
            <a:ext cx="2505600" cy="23472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  <a:lvl2pPr>
              <a:defRPr>
                <a:solidFill>
                  <a:schemeClr val="bg1"/>
                </a:solidFill>
              </a:defRPr>
            </a:lvl2pPr>
            <a:lvl3pPr>
              <a:defRPr>
                <a:solidFill>
                  <a:schemeClr val="bg1"/>
                </a:solidFill>
              </a:defRPr>
            </a:lvl3pPr>
            <a:lvl4pPr>
              <a:defRPr>
                <a:solidFill>
                  <a:schemeClr val="bg1"/>
                </a:solidFill>
              </a:defRPr>
            </a:lvl4pPr>
            <a:lvl5pPr>
              <a:defRPr>
                <a:solidFill>
                  <a:schemeClr val="bg1"/>
                </a:solidFill>
              </a:defRPr>
            </a:lvl5pPr>
            <a:lvl6pPr>
              <a:defRPr>
                <a:solidFill>
                  <a:schemeClr val="bg1"/>
                </a:solidFill>
              </a:defRPr>
            </a:lvl6pPr>
            <a:lvl7pPr>
              <a:defRPr>
                <a:solidFill>
                  <a:schemeClr val="bg1"/>
                </a:solidFill>
              </a:defRPr>
            </a:lvl7pPr>
            <a:lvl8pPr>
              <a:defRPr>
                <a:solidFill>
                  <a:schemeClr val="bg1"/>
                </a:solidFill>
              </a:defRPr>
            </a:lvl8pPr>
            <a:lvl9pPr>
              <a:defRPr>
                <a:solidFill>
                  <a:schemeClr val="bg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0" name="Date Placeholder 29">
            <a:extLst>
              <a:ext uri="{FF2B5EF4-FFF2-40B4-BE49-F238E27FC236}">
                <a16:creationId xmlns:a16="http://schemas.microsoft.com/office/drawing/2014/main" id="{2F36C25B-EFDD-4B87-A607-B8183191C162}"/>
              </a:ext>
            </a:extLst>
          </p:cNvPr>
          <p:cNvSpPr>
            <a:spLocks noGrp="1"/>
          </p:cNvSpPr>
          <p:nvPr>
            <p:ph type="dt" sz="half" idx="19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E65FBD6A-F375-4520-BDB0-BF87DF76281E}" type="datetime1">
              <a:rPr lang="en-GB" smtClean="0"/>
              <a:pPr/>
              <a:t>15/11/2023</a:t>
            </a:fld>
            <a:endParaRPr lang="en-GB" dirty="0"/>
          </a:p>
        </p:txBody>
      </p:sp>
      <p:sp>
        <p:nvSpPr>
          <p:cNvPr id="31" name="Footer Placeholder 30">
            <a:extLst>
              <a:ext uri="{FF2B5EF4-FFF2-40B4-BE49-F238E27FC236}">
                <a16:creationId xmlns:a16="http://schemas.microsoft.com/office/drawing/2014/main" id="{5A5089DE-3A5D-4836-9D47-6BDBF8FAAE92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32" name="Slide Number Placeholder 31">
            <a:extLst>
              <a:ext uri="{FF2B5EF4-FFF2-40B4-BE49-F238E27FC236}">
                <a16:creationId xmlns:a16="http://schemas.microsoft.com/office/drawing/2014/main" id="{D0B90375-CCC9-436F-8691-66054ECC60F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 bwMode="white"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0238764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6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A">
    <p:bg>
      <p:bgPr>
        <a:gradFill flip="none" rotWithShape="1">
          <a:gsLst>
            <a:gs pos="25000">
              <a:schemeClr val="accent2"/>
            </a:gs>
            <a:gs pos="100000">
              <a:srgbClr val="FFE655"/>
            </a:gs>
          </a:gsLst>
          <a:lin ang="0" scaled="1"/>
          <a:tileRect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3532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>
              <a:solidFill>
                <a:schemeClr val="tx1"/>
              </a:solidFill>
            </a:endParaRPr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5036400" cy="5126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64A421D-40AC-4B3C-B046-B97D2CDEB7D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74217A7-1C84-4022-9AF0-8A02934FBF22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2626653-B042-4CAD-ABE7-FCC2DB1ACE3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5346717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12924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4320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7319695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Text C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20700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979200" y="864000"/>
            <a:ext cx="2941200" cy="5126400"/>
          </a:xfrm>
        </p:spPr>
        <p:txBody>
          <a:bodyPr anchor="t" anchorCtr="0"/>
          <a:lstStyle>
            <a:lvl1pPr algn="l">
              <a:defRPr sz="4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9252000" y="864000"/>
            <a:ext cx="2505600" cy="51228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5262251-164F-4D9F-BEE6-DBF9AF1C6B9D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2BFAD54A-EFB6-40DC-A8BF-327E43A08F17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7A44297-F69A-4FA2-AD60-0EA38D021B99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1892319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6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C846A2CB-4C6C-4AC8-9450-CD3828AF7877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033000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148000" cy="5122800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0" name="Text Placeholder 4">
            <a:extLst>
              <a:ext uri="{FF2B5EF4-FFF2-40B4-BE49-F238E27FC236}">
                <a16:creationId xmlns:a16="http://schemas.microsoft.com/office/drawing/2014/main" id="{A2F42676-7691-4BBA-B454-CF007CCADCB3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 bwMode="white">
          <a:xfrm>
            <a:off x="6609597" y="864000"/>
            <a:ext cx="5148000" cy="5122799"/>
          </a:xfrm>
        </p:spPr>
        <p:txBody>
          <a:bodyPr/>
          <a:lstStyle>
            <a:lvl1pPr>
              <a:buClr>
                <a:schemeClr val="tx1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tx1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tx1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tx1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254FBCBC-1785-4DFB-84A8-04367CD12684}"/>
              </a:ext>
            </a:extLst>
          </p:cNvPr>
          <p:cNvSpPr>
            <a:spLocks noGrp="1"/>
          </p:cNvSpPr>
          <p:nvPr>
            <p:ph type="dt" sz="half" idx="2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42F9B70-FCB9-43D9-9F30-EE12E6A1D4A5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72ACFBE7-785A-4311-8356-55947434B492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7036540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74232FE-6B21-4D3C-8891-6A33800C6D20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 bwMode="white">
          <a:xfrm rot="5400000" flipV="1">
            <a:off x="439200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185716946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B">
    <p:bg>
      <p:bgPr>
        <a:gradFill>
          <a:gsLst>
            <a:gs pos="0">
              <a:schemeClr val="accent1"/>
            </a:gs>
            <a:gs pos="95000">
              <a:srgbClr val="0066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Background">
            <a:extLst>
              <a:ext uri="{FF2B5EF4-FFF2-40B4-BE49-F238E27FC236}">
                <a16:creationId xmlns:a16="http://schemas.microsoft.com/office/drawing/2014/main" id="{63DA7E30-9A41-4C82-A7CB-D8A1E3912EAA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9" name="Text Placeholder 16">
            <a:extLst>
              <a:ext uri="{FF2B5EF4-FFF2-40B4-BE49-F238E27FC236}">
                <a16:creationId xmlns:a16="http://schemas.microsoft.com/office/drawing/2014/main" id="{AF04E0B3-14B7-4D62-87B4-0112A485F8CC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417637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70457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       Enter &amp; TAB for next text level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0653661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or Graphics C">
    <p:bg>
      <p:bgPr>
        <a:gradFill>
          <a:gsLst>
            <a:gs pos="0">
              <a:srgbClr val="B41284"/>
            </a:gs>
            <a:gs pos="95000">
              <a:srgbClr val="7E0A5C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Rectangle 8">
            <a:extLst>
              <a:ext uri="{FF2B5EF4-FFF2-40B4-BE49-F238E27FC236}">
                <a16:creationId xmlns:a16="http://schemas.microsoft.com/office/drawing/2014/main" id="{0928DB86-3C4D-4DB7-A17C-92FA70DD3ACB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12" name="Text Placeholder 16">
            <a:extLst>
              <a:ext uri="{FF2B5EF4-FFF2-40B4-BE49-F238E27FC236}">
                <a16:creationId xmlns:a16="http://schemas.microsoft.com/office/drawing/2014/main" id="{034A43F0-B693-4A6A-922F-5584D05D23E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10653125" y="865800"/>
            <a:ext cx="126000" cy="5126400"/>
          </a:xfrm>
          <a:solidFill>
            <a:schemeClr val="lt1"/>
          </a:solidFill>
          <a:ln w="0">
            <a:solidFill>
              <a:schemeClr val="tx1">
                <a:alpha val="0"/>
              </a:schemeClr>
            </a:solidFill>
          </a:ln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en-GB" dirty="0"/>
              <a:t>.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976E9939-DBE2-4FE8-A639-4C66369DE7CE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2EF8B1C4-875F-44A3-AD12-DF0D17608559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CC0A2AD-9831-4BC2-92B6-B7408CD96FCB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DE7121FB-1BE2-4733-A7DE-83DABC7A11B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432863" y="864000"/>
            <a:ext cx="5868000" cy="5122800"/>
          </a:xfrm>
        </p:spPr>
        <p:txBody>
          <a:bodyPr/>
          <a:lstStyle>
            <a:lvl1pPr>
              <a:buClr>
                <a:schemeClr val="accent2"/>
              </a:buClr>
              <a:defRPr>
                <a:solidFill>
                  <a:schemeClr val="tx1"/>
                </a:solidFill>
              </a:defRPr>
            </a:lvl1pPr>
            <a:lvl2pPr>
              <a:buClr>
                <a:schemeClr val="accent2"/>
              </a:buClr>
              <a:defRPr>
                <a:solidFill>
                  <a:schemeClr val="tx1"/>
                </a:solidFill>
              </a:defRPr>
            </a:lvl2pPr>
            <a:lvl3pPr>
              <a:buClr>
                <a:schemeClr val="accent2"/>
              </a:buCl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>
                <a:solidFill>
                  <a:schemeClr val="tx1"/>
                </a:solidFill>
              </a:defRPr>
            </a:lvl5pPr>
            <a:lvl6pPr>
              <a:buClr>
                <a:schemeClr val="accent2"/>
              </a:buClr>
              <a:defRPr>
                <a:solidFill>
                  <a:schemeClr val="tx1"/>
                </a:solidFill>
              </a:defRPr>
            </a:lvl6pPr>
            <a:lvl7pPr>
              <a:defRPr>
                <a:solidFill>
                  <a:schemeClr val="tx1"/>
                </a:solidFill>
              </a:defRPr>
            </a:lvl7pPr>
            <a:lvl8pPr>
              <a:defRPr>
                <a:solidFill>
                  <a:schemeClr val="tx1"/>
                </a:solidFill>
              </a:defRPr>
            </a:lvl8pPr>
            <a:lvl9pPr>
              <a:defRPr>
                <a:solidFill>
                  <a:schemeClr val="tx1"/>
                </a:solidFill>
              </a:defRPr>
            </a:lvl9pPr>
          </a:lstStyle>
          <a:p>
            <a:pPr lvl="0"/>
            <a:r>
              <a:rPr lang="en-GB" noProof="0" dirty="0"/>
              <a:t>Click to add text                                             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343034780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Quote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C07BCC03-5A15-45F9-A18C-5839A811FA91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3" name="Rectangle">
            <a:extLst>
              <a:ext uri="{FF2B5EF4-FFF2-40B4-BE49-F238E27FC236}">
                <a16:creationId xmlns:a16="http://schemas.microsoft.com/office/drawing/2014/main" id="{72D1D7FD-BB8F-4FE9-BD5E-F5F0CCE03442}"/>
              </a:ext>
            </a:extLst>
          </p:cNvPr>
          <p:cNvSpPr/>
          <p:nvPr userDrawn="1"/>
        </p:nvSpPr>
        <p:spPr bwMode="white">
          <a:xfrm rot="16200000" flipV="1">
            <a:off x="-1090800" y="3366000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71969152-6D5E-4DD5-BD06-07100FD663F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2000" y="864000"/>
            <a:ext cx="5878800" cy="4262400"/>
          </a:xfrm>
        </p:spPr>
        <p:txBody>
          <a:bodyPr anchor="t" anchorCtr="0"/>
          <a:lstStyle>
            <a:lvl1pPr algn="l">
              <a:defRPr sz="60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Quote</a:t>
            </a:r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F92444F1-BFE5-4C6E-9354-A59D65B76E15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 bwMode="white">
          <a:xfrm>
            <a:off x="1962000" y="5137200"/>
            <a:ext cx="5880100" cy="3600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3pPr>
            <a:lvl4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4pPr>
            <a:lvl5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6pPr>
            <a:lvl7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 cap="none" baseline="0">
                <a:solidFill>
                  <a:schemeClr val="tx1"/>
                </a:solidFill>
                <a:latin typeface="+mn-lt"/>
              </a:defRPr>
            </a:lvl7pPr>
            <a:lvl8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8pPr>
            <a:lvl9pPr marL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1000" b="0">
                <a:solidFill>
                  <a:schemeClr val="tx1"/>
                </a:solidFill>
                <a:latin typeface="+mn-lt"/>
              </a:defRPr>
            </a:lvl9pPr>
          </a:lstStyle>
          <a:p>
            <a:pPr lvl="0"/>
            <a:r>
              <a:rPr lang="en-GB" noProof="0" dirty="0"/>
              <a:t>Click to add Name</a:t>
            </a:r>
            <a:endParaRPr lang="en-GB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D3FDD10-8960-46E8-B934-9ABE5471D0D8}"/>
              </a:ext>
            </a:extLst>
          </p:cNvPr>
          <p:cNvSpPr>
            <a:spLocks noGrp="1"/>
          </p:cNvSpPr>
          <p:nvPr>
            <p:ph type="dt" sz="half" idx="23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1423F51C-56A9-4986-93E3-1F2218D6AE56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49E7669-F0CC-465B-82B8-DD707F446736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Freeform: Shape 9">
            <a:extLst>
              <a:ext uri="{FF2B5EF4-FFF2-40B4-BE49-F238E27FC236}">
                <a16:creationId xmlns:a16="http://schemas.microsoft.com/office/drawing/2014/main" id="{5E3943B2-B1DF-42B0-9F1C-B752FFA217D8}"/>
              </a:ext>
            </a:extLst>
          </p:cNvPr>
          <p:cNvSpPr>
            <a:spLocks noChangeAspect="1"/>
          </p:cNvSpPr>
          <p:nvPr userDrawn="1"/>
        </p:nvSpPr>
        <p:spPr bwMode="white">
          <a:xfrm>
            <a:off x="431799" y="864358"/>
            <a:ext cx="565325" cy="432000"/>
          </a:xfrm>
          <a:custGeom>
            <a:avLst/>
            <a:gdLst/>
            <a:ahLst/>
            <a:cxnLst/>
            <a:rect l="l" t="t" r="r" b="b"/>
            <a:pathLst>
              <a:path w="436820" h="333802">
                <a:moveTo>
                  <a:pt x="343248" y="0"/>
                </a:moveTo>
                <a:lnTo>
                  <a:pt x="436820" y="51285"/>
                </a:lnTo>
                <a:cubicBezTo>
                  <a:pt x="420625" y="77677"/>
                  <a:pt x="407729" y="105194"/>
                  <a:pt x="398132" y="133836"/>
                </a:cubicBezTo>
                <a:cubicBezTo>
                  <a:pt x="388535" y="162477"/>
                  <a:pt x="383886" y="194793"/>
                  <a:pt x="384186" y="230782"/>
                </a:cubicBezTo>
                <a:lnTo>
                  <a:pt x="384186" y="333802"/>
                </a:lnTo>
                <a:lnTo>
                  <a:pt x="225833" y="333802"/>
                </a:lnTo>
                <a:lnTo>
                  <a:pt x="225833" y="231232"/>
                </a:lnTo>
                <a:cubicBezTo>
                  <a:pt x="225833" y="202740"/>
                  <a:pt x="231456" y="173874"/>
                  <a:pt x="242703" y="144633"/>
                </a:cubicBezTo>
                <a:cubicBezTo>
                  <a:pt x="253949" y="115391"/>
                  <a:pt x="268645" y="88099"/>
                  <a:pt x="286790" y="62757"/>
                </a:cubicBezTo>
                <a:cubicBezTo>
                  <a:pt x="304934" y="37414"/>
                  <a:pt x="323754" y="16495"/>
                  <a:pt x="343248" y="0"/>
                </a:cubicBezTo>
                <a:close/>
                <a:moveTo>
                  <a:pt x="117415" y="0"/>
                </a:moveTo>
                <a:lnTo>
                  <a:pt x="210987" y="51285"/>
                </a:lnTo>
                <a:cubicBezTo>
                  <a:pt x="194792" y="77677"/>
                  <a:pt x="181896" y="105194"/>
                  <a:pt x="172299" y="133836"/>
                </a:cubicBezTo>
                <a:cubicBezTo>
                  <a:pt x="162701" y="162477"/>
                  <a:pt x="158053" y="194793"/>
                  <a:pt x="158353" y="230782"/>
                </a:cubicBezTo>
                <a:lnTo>
                  <a:pt x="158353" y="333802"/>
                </a:lnTo>
                <a:lnTo>
                  <a:pt x="0" y="333802"/>
                </a:lnTo>
                <a:lnTo>
                  <a:pt x="0" y="231232"/>
                </a:lnTo>
                <a:cubicBezTo>
                  <a:pt x="0" y="202740"/>
                  <a:pt x="5623" y="173874"/>
                  <a:pt x="16870" y="144633"/>
                </a:cubicBezTo>
                <a:cubicBezTo>
                  <a:pt x="28116" y="115391"/>
                  <a:pt x="42812" y="88099"/>
                  <a:pt x="60957" y="62757"/>
                </a:cubicBezTo>
                <a:cubicBezTo>
                  <a:pt x="79101" y="37414"/>
                  <a:pt x="97921" y="16495"/>
                  <a:pt x="117415" y="0"/>
                </a:cubicBez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sz="2000" noProof="0" dirty="0" err="1"/>
          </a:p>
        </p:txBody>
      </p:sp>
      <p:sp>
        <p:nvSpPr>
          <p:cNvPr id="12" name="Text Placeholder notes">
            <a:extLst>
              <a:ext uri="{FF2B5EF4-FFF2-40B4-BE49-F238E27FC236}">
                <a16:creationId xmlns:a16="http://schemas.microsoft.com/office/drawing/2014/main" id="{07820C89-0519-40C4-9EA9-207BD7F2204E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 bwMode="white">
          <a:xfrm>
            <a:off x="1962000" y="5695200"/>
            <a:ext cx="5878800" cy="295200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b="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</p:spTree>
    <p:extLst>
      <p:ext uri="{BB962C8B-B14F-4D97-AF65-F5344CB8AC3E}">
        <p14:creationId xmlns:p14="http://schemas.microsoft.com/office/powerpoint/2010/main" val="341856245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s">
    <p:bg>
      <p:bgPr>
        <a:gradFill>
          <a:gsLst>
            <a:gs pos="0">
              <a:schemeClr val="accent6"/>
            </a:gs>
            <a:gs pos="95000">
              <a:schemeClr val="accent1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Date Placeholder 3" hidden="1">
            <a:extLst>
              <a:ext uri="{FF2B5EF4-FFF2-40B4-BE49-F238E27FC236}">
                <a16:creationId xmlns:a16="http://schemas.microsoft.com/office/drawing/2014/main" id="{8A3A4EFB-0782-4EFE-B7C3-F294CADCF0DA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noFill/>
              </a:defRPr>
            </a:lvl1pPr>
          </a:lstStyle>
          <a:p>
            <a:fld id="{B99E036B-4CAD-4D2B-963A-EA155AD21A38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50000"/>
            <a:ext cx="165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850000"/>
            <a:ext cx="1656000" cy="1476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ontact information</a:t>
            </a:r>
          </a:p>
        </p:txBody>
      </p:sp>
      <p:sp>
        <p:nvSpPr>
          <p:cNvPr id="14" name="Freeform: Shape 13">
            <a:extLst>
              <a:ext uri="{FF2B5EF4-FFF2-40B4-BE49-F238E27FC236}">
                <a16:creationId xmlns:a16="http://schemas.microsoft.com/office/drawing/2014/main" id="{57BCA77D-A437-4BE5-9F1B-499DFCDA409D}"/>
              </a:ext>
            </a:extLst>
          </p:cNvPr>
          <p:cNvSpPr/>
          <p:nvPr userDrawn="1"/>
        </p:nvSpPr>
        <p:spPr>
          <a:xfrm>
            <a:off x="2001182" y="924535"/>
            <a:ext cx="5269720" cy="949686"/>
          </a:xfrm>
          <a:custGeom>
            <a:avLst/>
            <a:gdLst/>
            <a:ahLst/>
            <a:cxnLst/>
            <a:rect l="l" t="t" r="r" b="b"/>
            <a:pathLst>
              <a:path w="5269720" h="949686">
                <a:moveTo>
                  <a:pt x="1684072" y="498006"/>
                </a:moveTo>
                <a:cubicBezTo>
                  <a:pt x="1664287" y="506210"/>
                  <a:pt x="1637746" y="512965"/>
                  <a:pt x="1604449" y="518274"/>
                </a:cubicBezTo>
                <a:cubicBezTo>
                  <a:pt x="1582010" y="521893"/>
                  <a:pt x="1565301" y="528709"/>
                  <a:pt x="1554322" y="538722"/>
                </a:cubicBezTo>
                <a:cubicBezTo>
                  <a:pt x="1543344" y="548736"/>
                  <a:pt x="1537855" y="561222"/>
                  <a:pt x="1537855" y="576181"/>
                </a:cubicBezTo>
                <a:cubicBezTo>
                  <a:pt x="1537855" y="591382"/>
                  <a:pt x="1543163" y="603145"/>
                  <a:pt x="1553780" y="611469"/>
                </a:cubicBezTo>
                <a:cubicBezTo>
                  <a:pt x="1564396" y="619793"/>
                  <a:pt x="1578390" y="623955"/>
                  <a:pt x="1595763" y="623955"/>
                </a:cubicBezTo>
                <a:cubicBezTo>
                  <a:pt x="1611205" y="623955"/>
                  <a:pt x="1625682" y="620758"/>
                  <a:pt x="1639193" y="614364"/>
                </a:cubicBezTo>
                <a:cubicBezTo>
                  <a:pt x="1652705" y="607970"/>
                  <a:pt x="1663563" y="598741"/>
                  <a:pt x="1671766" y="586677"/>
                </a:cubicBezTo>
                <a:cubicBezTo>
                  <a:pt x="1679970" y="574613"/>
                  <a:pt x="1684072" y="560498"/>
                  <a:pt x="1684072" y="544332"/>
                </a:cubicBezTo>
                <a:close/>
                <a:moveTo>
                  <a:pt x="4340559" y="322835"/>
                </a:moveTo>
                <a:cubicBezTo>
                  <a:pt x="4322946" y="322835"/>
                  <a:pt x="4307685" y="328445"/>
                  <a:pt x="4294776" y="339665"/>
                </a:cubicBezTo>
                <a:cubicBezTo>
                  <a:pt x="4281867" y="350884"/>
                  <a:pt x="4272035" y="367050"/>
                  <a:pt x="4265279" y="388162"/>
                </a:cubicBezTo>
                <a:cubicBezTo>
                  <a:pt x="4258523" y="409274"/>
                  <a:pt x="4255145" y="434308"/>
                  <a:pt x="4255145" y="463261"/>
                </a:cubicBezTo>
                <a:cubicBezTo>
                  <a:pt x="4255145" y="492215"/>
                  <a:pt x="4258523" y="517248"/>
                  <a:pt x="4265279" y="538360"/>
                </a:cubicBezTo>
                <a:cubicBezTo>
                  <a:pt x="4272035" y="559473"/>
                  <a:pt x="4281867" y="575638"/>
                  <a:pt x="4294776" y="586858"/>
                </a:cubicBezTo>
                <a:cubicBezTo>
                  <a:pt x="4307685" y="598078"/>
                  <a:pt x="4322946" y="603687"/>
                  <a:pt x="4340559" y="603687"/>
                </a:cubicBezTo>
                <a:cubicBezTo>
                  <a:pt x="4357449" y="603687"/>
                  <a:pt x="4372046" y="598017"/>
                  <a:pt x="4384352" y="586677"/>
                </a:cubicBezTo>
                <a:cubicBezTo>
                  <a:pt x="4396657" y="575337"/>
                  <a:pt x="4406188" y="559111"/>
                  <a:pt x="4412944" y="537998"/>
                </a:cubicBezTo>
                <a:cubicBezTo>
                  <a:pt x="4419700" y="516886"/>
                  <a:pt x="4423078" y="491974"/>
                  <a:pt x="4423078" y="463261"/>
                </a:cubicBezTo>
                <a:cubicBezTo>
                  <a:pt x="4423078" y="434549"/>
                  <a:pt x="4419700" y="409636"/>
                  <a:pt x="4412944" y="388524"/>
                </a:cubicBezTo>
                <a:cubicBezTo>
                  <a:pt x="4406188" y="367412"/>
                  <a:pt x="4396657" y="351186"/>
                  <a:pt x="4384352" y="339846"/>
                </a:cubicBezTo>
                <a:cubicBezTo>
                  <a:pt x="4372046" y="328505"/>
                  <a:pt x="4357449" y="322835"/>
                  <a:pt x="4340559" y="322835"/>
                </a:cubicBezTo>
                <a:close/>
                <a:moveTo>
                  <a:pt x="4709464" y="185305"/>
                </a:moveTo>
                <a:lnTo>
                  <a:pt x="4909245" y="185305"/>
                </a:lnTo>
                <a:lnTo>
                  <a:pt x="4909245" y="498006"/>
                </a:lnTo>
                <a:cubicBezTo>
                  <a:pt x="4909486" y="525753"/>
                  <a:pt x="4916544" y="547408"/>
                  <a:pt x="4930418" y="562971"/>
                </a:cubicBezTo>
                <a:cubicBezTo>
                  <a:pt x="4944291" y="578534"/>
                  <a:pt x="4963774" y="586315"/>
                  <a:pt x="4988868" y="586315"/>
                </a:cubicBezTo>
                <a:cubicBezTo>
                  <a:pt x="5013720" y="586315"/>
                  <a:pt x="5033505" y="578413"/>
                  <a:pt x="5048223" y="562609"/>
                </a:cubicBezTo>
                <a:cubicBezTo>
                  <a:pt x="5062942" y="546805"/>
                  <a:pt x="5070180" y="525271"/>
                  <a:pt x="5069939" y="498006"/>
                </a:cubicBezTo>
                <a:lnTo>
                  <a:pt x="5069939" y="185305"/>
                </a:lnTo>
                <a:lnTo>
                  <a:pt x="5269720" y="185305"/>
                </a:lnTo>
                <a:lnTo>
                  <a:pt x="5269720" y="741218"/>
                </a:lnTo>
                <a:lnTo>
                  <a:pt x="5080073" y="741218"/>
                </a:lnTo>
                <a:lnTo>
                  <a:pt x="5080073" y="635537"/>
                </a:lnTo>
                <a:lnTo>
                  <a:pt x="5074282" y="635537"/>
                </a:lnTo>
                <a:cubicBezTo>
                  <a:pt x="5062218" y="671005"/>
                  <a:pt x="5041106" y="698692"/>
                  <a:pt x="5010945" y="718598"/>
                </a:cubicBezTo>
                <a:cubicBezTo>
                  <a:pt x="4980785" y="738504"/>
                  <a:pt x="4944955" y="748457"/>
                  <a:pt x="4903454" y="748457"/>
                </a:cubicBezTo>
                <a:cubicBezTo>
                  <a:pt x="4865090" y="748457"/>
                  <a:pt x="4831251" y="739589"/>
                  <a:pt x="4801935" y="721855"/>
                </a:cubicBezTo>
                <a:cubicBezTo>
                  <a:pt x="4772619" y="704121"/>
                  <a:pt x="4749878" y="679450"/>
                  <a:pt x="4733712" y="647842"/>
                </a:cubicBezTo>
                <a:cubicBezTo>
                  <a:pt x="4717546" y="616234"/>
                  <a:pt x="4709464" y="580283"/>
                  <a:pt x="4709464" y="539989"/>
                </a:cubicBezTo>
                <a:close/>
                <a:moveTo>
                  <a:pt x="3407285" y="185305"/>
                </a:moveTo>
                <a:lnTo>
                  <a:pt x="3615753" y="185305"/>
                </a:lnTo>
                <a:lnTo>
                  <a:pt x="3705509" y="570391"/>
                </a:lnTo>
                <a:lnTo>
                  <a:pt x="3711300" y="570391"/>
                </a:lnTo>
                <a:lnTo>
                  <a:pt x="3802505" y="185305"/>
                </a:lnTo>
                <a:lnTo>
                  <a:pt x="4012420" y="185305"/>
                </a:lnTo>
                <a:lnTo>
                  <a:pt x="3809743" y="787544"/>
                </a:lnTo>
                <a:cubicBezTo>
                  <a:pt x="3792853" y="837972"/>
                  <a:pt x="3765709" y="877603"/>
                  <a:pt x="3728311" y="906436"/>
                </a:cubicBezTo>
                <a:cubicBezTo>
                  <a:pt x="3690912" y="935269"/>
                  <a:pt x="3639398" y="949686"/>
                  <a:pt x="3573769" y="949686"/>
                </a:cubicBezTo>
                <a:cubicBezTo>
                  <a:pt x="3550848" y="949686"/>
                  <a:pt x="3529012" y="947997"/>
                  <a:pt x="3508261" y="944619"/>
                </a:cubicBezTo>
                <a:cubicBezTo>
                  <a:pt x="3487511" y="941241"/>
                  <a:pt x="3469294" y="936415"/>
                  <a:pt x="3453611" y="930142"/>
                </a:cubicBezTo>
                <a:lnTo>
                  <a:pt x="3497042" y="788268"/>
                </a:lnTo>
                <a:cubicBezTo>
                  <a:pt x="3520446" y="796472"/>
                  <a:pt x="3539628" y="800574"/>
                  <a:pt x="3554588" y="800574"/>
                </a:cubicBezTo>
                <a:cubicBezTo>
                  <a:pt x="3576544" y="800574"/>
                  <a:pt x="3591142" y="792370"/>
                  <a:pt x="3598380" y="775963"/>
                </a:cubicBezTo>
                <a:lnTo>
                  <a:pt x="3602723" y="765829"/>
                </a:lnTo>
                <a:close/>
                <a:moveTo>
                  <a:pt x="4339111" y="178066"/>
                </a:moveTo>
                <a:cubicBezTo>
                  <a:pt x="4398467" y="178066"/>
                  <a:pt x="4449860" y="190009"/>
                  <a:pt x="4493291" y="213896"/>
                </a:cubicBezTo>
                <a:cubicBezTo>
                  <a:pt x="4536721" y="237783"/>
                  <a:pt x="4569898" y="271321"/>
                  <a:pt x="4592819" y="314511"/>
                </a:cubicBezTo>
                <a:cubicBezTo>
                  <a:pt x="4615741" y="357701"/>
                  <a:pt x="4627202" y="407766"/>
                  <a:pt x="4627202" y="464709"/>
                </a:cubicBezTo>
                <a:cubicBezTo>
                  <a:pt x="4627202" y="521652"/>
                  <a:pt x="4615741" y="571718"/>
                  <a:pt x="4592819" y="614907"/>
                </a:cubicBezTo>
                <a:cubicBezTo>
                  <a:pt x="4569898" y="658097"/>
                  <a:pt x="4536721" y="691635"/>
                  <a:pt x="4493291" y="715522"/>
                </a:cubicBezTo>
                <a:cubicBezTo>
                  <a:pt x="4449860" y="739409"/>
                  <a:pt x="4398467" y="751352"/>
                  <a:pt x="4339111" y="751352"/>
                </a:cubicBezTo>
                <a:cubicBezTo>
                  <a:pt x="4279756" y="751352"/>
                  <a:pt x="4228363" y="739409"/>
                  <a:pt x="4184932" y="715522"/>
                </a:cubicBezTo>
                <a:cubicBezTo>
                  <a:pt x="4141502" y="691635"/>
                  <a:pt x="4108325" y="658097"/>
                  <a:pt x="4085403" y="614907"/>
                </a:cubicBezTo>
                <a:cubicBezTo>
                  <a:pt x="4062482" y="571718"/>
                  <a:pt x="4051021" y="521652"/>
                  <a:pt x="4051021" y="464709"/>
                </a:cubicBezTo>
                <a:cubicBezTo>
                  <a:pt x="4051021" y="407766"/>
                  <a:pt x="4062482" y="357701"/>
                  <a:pt x="4085403" y="314511"/>
                </a:cubicBezTo>
                <a:cubicBezTo>
                  <a:pt x="4108325" y="271321"/>
                  <a:pt x="4141502" y="237783"/>
                  <a:pt x="4184932" y="213896"/>
                </a:cubicBezTo>
                <a:cubicBezTo>
                  <a:pt x="4228363" y="190009"/>
                  <a:pt x="4279756" y="178066"/>
                  <a:pt x="4339111" y="178066"/>
                </a:cubicBezTo>
                <a:close/>
                <a:moveTo>
                  <a:pt x="2342054" y="178066"/>
                </a:moveTo>
                <a:cubicBezTo>
                  <a:pt x="2380659" y="178066"/>
                  <a:pt x="2414680" y="186993"/>
                  <a:pt x="2444117" y="204848"/>
                </a:cubicBezTo>
                <a:cubicBezTo>
                  <a:pt x="2473553" y="222703"/>
                  <a:pt x="2496233" y="247435"/>
                  <a:pt x="2512158" y="279043"/>
                </a:cubicBezTo>
                <a:cubicBezTo>
                  <a:pt x="2528083" y="310651"/>
                  <a:pt x="2536045" y="346481"/>
                  <a:pt x="2536045" y="386534"/>
                </a:cubicBezTo>
                <a:lnTo>
                  <a:pt x="2536045" y="741218"/>
                </a:lnTo>
                <a:lnTo>
                  <a:pt x="2336264" y="741218"/>
                </a:lnTo>
                <a:lnTo>
                  <a:pt x="2336264" y="428517"/>
                </a:lnTo>
                <a:cubicBezTo>
                  <a:pt x="2336505" y="401011"/>
                  <a:pt x="2329568" y="379416"/>
                  <a:pt x="2315453" y="363733"/>
                </a:cubicBezTo>
                <a:cubicBezTo>
                  <a:pt x="2301338" y="348049"/>
                  <a:pt x="2281734" y="340208"/>
                  <a:pt x="2256641" y="340208"/>
                </a:cubicBezTo>
                <a:cubicBezTo>
                  <a:pt x="2231789" y="340208"/>
                  <a:pt x="2212124" y="348049"/>
                  <a:pt x="2197647" y="363733"/>
                </a:cubicBezTo>
                <a:cubicBezTo>
                  <a:pt x="2183170" y="379416"/>
                  <a:pt x="2175811" y="401011"/>
                  <a:pt x="2175570" y="428517"/>
                </a:cubicBezTo>
                <a:lnTo>
                  <a:pt x="2175570" y="741218"/>
                </a:lnTo>
                <a:lnTo>
                  <a:pt x="1975788" y="741218"/>
                </a:lnTo>
                <a:lnTo>
                  <a:pt x="1975788" y="185305"/>
                </a:lnTo>
                <a:lnTo>
                  <a:pt x="2165436" y="185305"/>
                </a:lnTo>
                <a:lnTo>
                  <a:pt x="2165436" y="290986"/>
                </a:lnTo>
                <a:lnTo>
                  <a:pt x="2171227" y="290986"/>
                </a:lnTo>
                <a:cubicBezTo>
                  <a:pt x="2179189" y="267823"/>
                  <a:pt x="2191434" y="247736"/>
                  <a:pt x="2207962" y="230726"/>
                </a:cubicBezTo>
                <a:cubicBezTo>
                  <a:pt x="2224490" y="213715"/>
                  <a:pt x="2244214" y="200686"/>
                  <a:pt x="2267136" y="191638"/>
                </a:cubicBezTo>
                <a:cubicBezTo>
                  <a:pt x="2290058" y="182590"/>
                  <a:pt x="2315031" y="178066"/>
                  <a:pt x="2342054" y="178066"/>
                </a:cubicBezTo>
                <a:close/>
                <a:moveTo>
                  <a:pt x="1626164" y="178066"/>
                </a:moveTo>
                <a:cubicBezTo>
                  <a:pt x="1677799" y="178066"/>
                  <a:pt x="1723039" y="186028"/>
                  <a:pt x="1761885" y="201953"/>
                </a:cubicBezTo>
                <a:cubicBezTo>
                  <a:pt x="1800732" y="217878"/>
                  <a:pt x="1830530" y="239714"/>
                  <a:pt x="1851280" y="267461"/>
                </a:cubicBezTo>
                <a:cubicBezTo>
                  <a:pt x="1872030" y="295208"/>
                  <a:pt x="1882406" y="326213"/>
                  <a:pt x="1882406" y="360475"/>
                </a:cubicBezTo>
                <a:lnTo>
                  <a:pt x="1882406" y="741218"/>
                </a:lnTo>
                <a:lnTo>
                  <a:pt x="1695653" y="741218"/>
                </a:lnTo>
                <a:lnTo>
                  <a:pt x="1695653" y="663043"/>
                </a:lnTo>
                <a:lnTo>
                  <a:pt x="1691310" y="663043"/>
                </a:lnTo>
                <a:cubicBezTo>
                  <a:pt x="1674903" y="693203"/>
                  <a:pt x="1653369" y="715220"/>
                  <a:pt x="1626707" y="729094"/>
                </a:cubicBezTo>
                <a:cubicBezTo>
                  <a:pt x="1600045" y="742967"/>
                  <a:pt x="1568015" y="749904"/>
                  <a:pt x="1530617" y="749904"/>
                </a:cubicBezTo>
                <a:cubicBezTo>
                  <a:pt x="1494424" y="749904"/>
                  <a:pt x="1462756" y="743993"/>
                  <a:pt x="1435612" y="732170"/>
                </a:cubicBezTo>
                <a:cubicBezTo>
                  <a:pt x="1408468" y="720347"/>
                  <a:pt x="1387355" y="702311"/>
                  <a:pt x="1372275" y="678063"/>
                </a:cubicBezTo>
                <a:cubicBezTo>
                  <a:pt x="1357195" y="653814"/>
                  <a:pt x="1349655" y="623714"/>
                  <a:pt x="1349655" y="587763"/>
                </a:cubicBezTo>
                <a:cubicBezTo>
                  <a:pt x="1349655" y="530338"/>
                  <a:pt x="1368053" y="487691"/>
                  <a:pt x="1404848" y="459823"/>
                </a:cubicBezTo>
                <a:cubicBezTo>
                  <a:pt x="1441644" y="431955"/>
                  <a:pt x="1491288" y="415729"/>
                  <a:pt x="1553780" y="411144"/>
                </a:cubicBezTo>
                <a:cubicBezTo>
                  <a:pt x="1586353" y="408732"/>
                  <a:pt x="1611747" y="405776"/>
                  <a:pt x="1629964" y="402277"/>
                </a:cubicBezTo>
                <a:cubicBezTo>
                  <a:pt x="1648181" y="398779"/>
                  <a:pt x="1661512" y="393832"/>
                  <a:pt x="1669957" y="387438"/>
                </a:cubicBezTo>
                <a:cubicBezTo>
                  <a:pt x="1678402" y="381045"/>
                  <a:pt x="1682624" y="372539"/>
                  <a:pt x="1682624" y="361923"/>
                </a:cubicBezTo>
                <a:lnTo>
                  <a:pt x="1682624" y="360475"/>
                </a:lnTo>
                <a:cubicBezTo>
                  <a:pt x="1682624" y="346240"/>
                  <a:pt x="1677195" y="335201"/>
                  <a:pt x="1666338" y="327359"/>
                </a:cubicBezTo>
                <a:cubicBezTo>
                  <a:pt x="1655480" y="319518"/>
                  <a:pt x="1641124" y="315597"/>
                  <a:pt x="1623269" y="315597"/>
                </a:cubicBezTo>
                <a:cubicBezTo>
                  <a:pt x="1603725" y="315597"/>
                  <a:pt x="1588102" y="319819"/>
                  <a:pt x="1576400" y="328264"/>
                </a:cubicBezTo>
                <a:cubicBezTo>
                  <a:pt x="1564697" y="336709"/>
                  <a:pt x="1557640" y="349376"/>
                  <a:pt x="1555227" y="366266"/>
                </a:cubicBezTo>
                <a:lnTo>
                  <a:pt x="1371370" y="366266"/>
                </a:lnTo>
                <a:cubicBezTo>
                  <a:pt x="1373783" y="331280"/>
                  <a:pt x="1384822" y="299552"/>
                  <a:pt x="1404486" y="271080"/>
                </a:cubicBezTo>
                <a:cubicBezTo>
                  <a:pt x="1424151" y="242609"/>
                  <a:pt x="1452682" y="219989"/>
                  <a:pt x="1490081" y="203220"/>
                </a:cubicBezTo>
                <a:cubicBezTo>
                  <a:pt x="1527480" y="186451"/>
                  <a:pt x="1572841" y="178066"/>
                  <a:pt x="1626164" y="178066"/>
                </a:cubicBezTo>
                <a:close/>
                <a:moveTo>
                  <a:pt x="2633013" y="0"/>
                </a:moveTo>
                <a:lnTo>
                  <a:pt x="2832795" y="0"/>
                </a:lnTo>
                <a:lnTo>
                  <a:pt x="2832795" y="372057"/>
                </a:lnTo>
                <a:lnTo>
                  <a:pt x="2840033" y="372057"/>
                </a:lnTo>
                <a:lnTo>
                  <a:pt x="2974669" y="185305"/>
                </a:lnTo>
                <a:lnTo>
                  <a:pt x="3199061" y="185305"/>
                </a:lnTo>
                <a:lnTo>
                  <a:pt x="3010137" y="428879"/>
                </a:lnTo>
                <a:lnTo>
                  <a:pt x="3204851" y="741218"/>
                </a:lnTo>
                <a:lnTo>
                  <a:pt x="2976116" y="741218"/>
                </a:lnTo>
                <a:lnTo>
                  <a:pt x="2862834" y="545418"/>
                </a:lnTo>
                <a:lnTo>
                  <a:pt x="2832795" y="583420"/>
                </a:lnTo>
                <a:lnTo>
                  <a:pt x="2832795" y="741218"/>
                </a:lnTo>
                <a:lnTo>
                  <a:pt x="2633013" y="741218"/>
                </a:lnTo>
                <a:close/>
                <a:moveTo>
                  <a:pt x="718488" y="0"/>
                </a:moveTo>
                <a:lnTo>
                  <a:pt x="911031" y="0"/>
                </a:lnTo>
                <a:lnTo>
                  <a:pt x="911031" y="290986"/>
                </a:lnTo>
                <a:lnTo>
                  <a:pt x="916822" y="290986"/>
                </a:lnTo>
                <a:cubicBezTo>
                  <a:pt x="929369" y="255276"/>
                  <a:pt x="950300" y="227529"/>
                  <a:pt x="979616" y="207744"/>
                </a:cubicBezTo>
                <a:cubicBezTo>
                  <a:pt x="1008932" y="187959"/>
                  <a:pt x="1043978" y="178066"/>
                  <a:pt x="1084754" y="178066"/>
                </a:cubicBezTo>
                <a:cubicBezTo>
                  <a:pt x="1123360" y="178066"/>
                  <a:pt x="1157380" y="186933"/>
                  <a:pt x="1186817" y="204667"/>
                </a:cubicBezTo>
                <a:cubicBezTo>
                  <a:pt x="1216253" y="222402"/>
                  <a:pt x="1238934" y="247073"/>
                  <a:pt x="1254858" y="278681"/>
                </a:cubicBezTo>
                <a:cubicBezTo>
                  <a:pt x="1270783" y="310289"/>
                  <a:pt x="1278745" y="346240"/>
                  <a:pt x="1278745" y="386534"/>
                </a:cubicBezTo>
                <a:lnTo>
                  <a:pt x="1278745" y="741218"/>
                </a:lnTo>
                <a:lnTo>
                  <a:pt x="1078964" y="741218"/>
                </a:lnTo>
                <a:lnTo>
                  <a:pt x="1078964" y="428517"/>
                </a:lnTo>
                <a:cubicBezTo>
                  <a:pt x="1079205" y="400769"/>
                  <a:pt x="1072329" y="379114"/>
                  <a:pt x="1058334" y="363552"/>
                </a:cubicBezTo>
                <a:cubicBezTo>
                  <a:pt x="1044340" y="347989"/>
                  <a:pt x="1024675" y="340208"/>
                  <a:pt x="999341" y="340208"/>
                </a:cubicBezTo>
                <a:cubicBezTo>
                  <a:pt x="974730" y="340208"/>
                  <a:pt x="955126" y="348110"/>
                  <a:pt x="940528" y="363913"/>
                </a:cubicBezTo>
                <a:cubicBezTo>
                  <a:pt x="925931" y="379717"/>
                  <a:pt x="918511" y="401252"/>
                  <a:pt x="918270" y="428517"/>
                </a:cubicBezTo>
                <a:lnTo>
                  <a:pt x="918270" y="741218"/>
                </a:lnTo>
                <a:lnTo>
                  <a:pt x="718488" y="741218"/>
                </a:lnTo>
                <a:close/>
                <a:moveTo>
                  <a:pt x="0" y="0"/>
                </a:moveTo>
                <a:lnTo>
                  <a:pt x="644223" y="0"/>
                </a:lnTo>
                <a:lnTo>
                  <a:pt x="644223" y="162141"/>
                </a:lnTo>
                <a:lnTo>
                  <a:pt x="421279" y="162141"/>
                </a:lnTo>
                <a:lnTo>
                  <a:pt x="421279" y="741218"/>
                </a:lnTo>
                <a:lnTo>
                  <a:pt x="222945" y="741218"/>
                </a:lnTo>
                <a:lnTo>
                  <a:pt x="222945" y="162141"/>
                </a:lnTo>
                <a:lnTo>
                  <a:pt x="0" y="162141"/>
                </a:lnTo>
                <a:close/>
              </a:path>
            </a:pathLst>
          </a:cu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wrap="square" lIns="72000" tIns="36000" rIns="72000" bIns="36000" rtlCol="0" anchor="ctr">
            <a:noAutofit/>
          </a:bodyPr>
          <a:lstStyle/>
          <a:p>
            <a:pPr algn="ctr"/>
            <a:endParaRPr lang="en-GB" noProof="0" dirty="0" err="1"/>
          </a:p>
        </p:txBody>
      </p:sp>
      <p:sp>
        <p:nvSpPr>
          <p:cNvPr id="22" name="TextBox 21">
            <a:extLst>
              <a:ext uri="{FF2B5EF4-FFF2-40B4-BE49-F238E27FC236}">
                <a16:creationId xmlns:a16="http://schemas.microsoft.com/office/drawing/2014/main" id="{5F60423B-0833-413C-8670-D2F1D86B4D98}"/>
              </a:ext>
            </a:extLst>
          </p:cNvPr>
          <p:cNvSpPr txBox="1"/>
          <p:nvPr userDrawn="1"/>
        </p:nvSpPr>
        <p:spPr>
          <a:xfrm>
            <a:off x="7350780" y="1474967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  <a:effectLst/>
        </p:spPr>
        <p:txBody>
          <a:bodyPr rot="0" spcFirstLastPara="0" vertOverflow="overflow" horzOverflow="overflow" vert="horz" wrap="square" lIns="91440" tIns="45720" rIns="91440" bIns="45720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algn="l"/>
            <a:endParaRPr lang="en-GB" sz="8000" dirty="0">
              <a:solidFill>
                <a:schemeClr val="accent2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20622221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7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blue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2E7A938A-B486-4C94-B6F0-99F816ADA33D}"/>
              </a:ext>
            </a:extLst>
          </p:cNvPr>
          <p:cNvSpPr/>
          <p:nvPr userDrawn="1"/>
        </p:nvSpPr>
        <p:spPr>
          <a:xfrm rot="16200000" flipV="1">
            <a:off x="-20684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94317709"/>
      </p:ext>
    </p:extLst>
  </p:cSld>
  <p:clrMapOvr>
    <a:masterClrMapping/>
  </p:clrMapOvr>
</p:sldLayout>
</file>

<file path=ppt/slideLayouts/slideLayout7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ly Title + yellow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2379600" cy="51228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F92771DE-7B31-480C-9091-703575BD6824}"/>
              </a:ext>
            </a:extLst>
          </p:cNvPr>
          <p:cNvSpPr/>
          <p:nvPr userDrawn="1"/>
        </p:nvSpPr>
        <p:spPr>
          <a:xfrm rot="5400000" flipV="1">
            <a:off x="-2068401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</p:spTree>
    <p:extLst>
      <p:ext uri="{BB962C8B-B14F-4D97-AF65-F5344CB8AC3E}">
        <p14:creationId xmlns:p14="http://schemas.microsoft.com/office/powerpoint/2010/main" val="3737890012"/>
      </p:ext>
    </p:extLst>
  </p:cSld>
  <p:clrMapOvr>
    <a:masterClrMapping/>
  </p:clrMapOvr>
</p:sldLayout>
</file>

<file path=ppt/slideLayouts/slideLayout7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4C9D909-49D5-40E7-8A46-904F4218013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8C0A9EFC-3109-4832-A2D0-040116D0EBB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5003F3C-0DDB-4FC6-8F72-B9D15ACDC8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3F93830-339F-4EED-BE32-3338BB1E26F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34541961"/>
      </p:ext>
    </p:extLst>
  </p:cSld>
  <p:clrMapOvr>
    <a:masterClrMapping/>
  </p:clrMapOvr>
</p:sldLayout>
</file>

<file path=ppt/slideLayouts/slideLayout7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A18E191F-9315-439E-B3E1-E244B439CE9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45421B79-34B3-49E9-88AB-D05336546BBD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D85FA46-FFD0-4832-8708-FF45CE149AD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42862720"/>
      </p:ext>
    </p:extLst>
  </p:cSld>
  <p:clrMapOvr>
    <a:masterClrMapping/>
  </p:clrMapOvr>
</p:sldLayout>
</file>

<file path=ppt/slideLayouts/slideLayout7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User gu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lang="en-GB" sz="3200" b="0" noProof="1">
                <a:solidFill>
                  <a:schemeClr val="tx1"/>
                </a:solidFill>
                <a:latin typeface="+mj-lt"/>
                <a:cs typeface="Dstny Body" panose="02000603000000020004" pitchFamily="2" charset="0"/>
              </a:rPr>
              <a:t>TIPS &amp; TRICKS - YOUR USER GUIDE</a:t>
            </a:r>
          </a:p>
        </p:txBody>
      </p:sp>
      <p:sp>
        <p:nvSpPr>
          <p:cNvPr id="13" name="Text Box 2">
            <a:extLst>
              <a:ext uri="{FF2B5EF4-FFF2-40B4-BE49-F238E27FC236}">
                <a16:creationId xmlns:a16="http://schemas.microsoft.com/office/drawing/2014/main" id="{0BB3B459-CDFE-44C8-879C-511BDE5A64B2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41227" y="1733517"/>
            <a:ext cx="2916000" cy="346248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TEXT STYLES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jump through levels. Click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ENTER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, then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AB</a:t>
            </a: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switch from one level to the next level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go back in levels use </a:t>
            </a:r>
            <a:r>
              <a:rPr lang="en-GB" altLang="da-DK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-TAB</a:t>
            </a: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lternatively,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crease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and </a:t>
            </a:r>
            <a:r>
              <a:rPr lang="en-GB" sz="900" b="1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crease </a:t>
            </a:r>
            <a:r>
              <a:rPr lang="en-GB" sz="900" baseline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list level can be used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Use bullet butto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elete bullet for regular text. Click on the bullet button to reaply the correct bullet again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sz="1600" dirty="0">
                <a:latin typeface="+mn-lt"/>
                <a:cs typeface="Dstny Body" panose="02000603000000020004" pitchFamily="2" charset="0"/>
              </a:rPr>
              <a:t>SLIDES &amp; LAYOUT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the menu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New Slide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to insert a new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hange layout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Click on the arrow next to </a:t>
            </a:r>
            <a:r>
              <a:rPr lang="en-GB" sz="900" b="1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Layout </a:t>
            </a:r>
            <a:r>
              <a:rPr lang="en-GB" sz="900" dirty="0">
                <a:solidFill>
                  <a:srgbClr val="000000"/>
                </a:solidFill>
                <a:latin typeface="+mn-lt"/>
                <a:ea typeface="Dstny Body" panose="02000603000000020004" pitchFamily="2" charset="0"/>
              </a:rPr>
              <a:t>to view a dropdown menu of possible slide layouts</a:t>
            </a:r>
            <a:endParaRPr lang="en-GB" sz="900" dirty="0">
              <a:latin typeface="+mn-lt"/>
              <a:ea typeface="Dstny Body" panose="02000603000000020004" pitchFamily="2" charset="0"/>
            </a:endParaRPr>
          </a:p>
        </p:txBody>
      </p:sp>
      <p:sp>
        <p:nvSpPr>
          <p:cNvPr id="14" name="Text Box 3">
            <a:extLst>
              <a:ext uri="{FF2B5EF4-FFF2-40B4-BE49-F238E27FC236}">
                <a16:creationId xmlns:a16="http://schemas.microsoft.com/office/drawing/2014/main" id="{66B3FBB4-61DE-493B-8F38-CB78E008D9BE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4362260" y="1742868"/>
            <a:ext cx="2936481" cy="344709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 slide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ome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</a:t>
            </a: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eset</a:t>
            </a:r>
            <a:r>
              <a:rPr lang="en-GB" altLang="da-DK" sz="90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menu to reset position, size and formatting of the slide placeholders to their default settings</a:t>
            </a:r>
            <a:endParaRPr lang="en-GB" altLang="da-DK" sz="900" baseline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endParaRPr lang="en-GB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PICTURES</a:t>
            </a:r>
            <a:endParaRPr lang="en-GB" sz="16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 slides with pictureplaceholder, click on the icon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to browse for picture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en-GB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op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o change size or focus of the picture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want to scale the picture, hold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HIF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-key down while dragging the corners of the pictur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f you delete the picture and insert a new one, the picture may lie in front of the text or graphic. If this happens, select the picture, 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right-click and choos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Send to Back</a:t>
            </a:r>
          </a:p>
        </p:txBody>
      </p:sp>
      <p:sp>
        <p:nvSpPr>
          <p:cNvPr id="15" name="Text Box 4">
            <a:extLst>
              <a:ext uri="{FF2B5EF4-FFF2-40B4-BE49-F238E27FC236}">
                <a16:creationId xmlns:a16="http://schemas.microsoft.com/office/drawing/2014/main" id="{17EA80A0-F605-4897-AE2A-18933CAB6DBB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8274443" y="1733517"/>
            <a:ext cx="2936482" cy="4139595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Dstny Body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Dstny Body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Dstny Body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Dstny Body" charset="0"/>
              </a:defRPr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HEADER &amp; FOOTER</a:t>
            </a:r>
            <a:endParaRPr lang="en-GB" altLang="da-DK" sz="16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Do this at the very end to apply the changes on all sl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on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eader and Footer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Insert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(write the desired text)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 to All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Apply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if only used on one slide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sz="1600" dirty="0">
                <a:latin typeface="+mn-lt"/>
                <a:cs typeface="Dstny Body" panose="02000603000000020004" pitchFamily="2" charset="0"/>
              </a:rPr>
              <a:t>GUIDES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lick the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View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ab and set tick mark next to </a:t>
            </a: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Guides</a:t>
            </a: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HINT: Alt + F9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for quick view of guides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Mac: </a:t>
            </a:r>
            <a:r>
              <a:rPr lang="en-GB" sz="900" b="0" i="0" dirty="0">
                <a:solidFill>
                  <a:srgbClr val="333333"/>
                </a:solidFill>
                <a:effectLst/>
                <a:latin typeface="Dstny Body"/>
              </a:rPr>
              <a:t>⌘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+ option + ctrl + G</a:t>
            </a:r>
            <a:b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</a:br>
            <a:endParaRPr lang="en-GB" altLang="da-DK" sz="900" b="0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16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OPY/PASTE CONTENT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When copying old content to your new presentation, 2 options are available:</a:t>
            </a: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1. Best practice: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Create a slide in your new presentation and copy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piece of content at a time (e.g. copy all text from </a:t>
            </a:r>
            <a:r>
              <a:rPr lang="en-GB" altLang="da-DK" sz="900" b="0" i="0" u="sng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ne</a:t>
            </a:r>
            <a:r>
              <a:rPr lang="en-GB" altLang="da-DK" sz="900" b="0" i="0" u="none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 textbox)</a:t>
            </a:r>
            <a:endParaRPr lang="en-GB" altLang="da-DK" sz="900" b="1" i="0" u="sng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en-GB" altLang="da-DK" sz="900" b="1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2. </a:t>
            </a:r>
            <a:r>
              <a:rPr lang="en-GB" altLang="da-DK" sz="900" b="0" noProof="1">
                <a:solidFill>
                  <a:schemeClr val="tx1"/>
                </a:solidFill>
                <a:latin typeface="+mn-lt"/>
                <a:cs typeface="Dstny Body" panose="02000603000000020004" pitchFamily="2" charset="0"/>
              </a:rPr>
              <a:t>Or copy an entire slide into your new presentation and then choose a fitting layout. Remember to delete the old, wrong layouts (go to View &gt; Slidemaster and delete them)</a:t>
            </a:r>
            <a:endParaRPr lang="en-GB" altLang="da-DK" sz="900" b="1" noProof="1">
              <a:solidFill>
                <a:schemeClr val="tx1"/>
              </a:solidFill>
              <a:latin typeface="+mn-lt"/>
              <a:cs typeface="Dstny Body" panose="02000603000000020004" pitchFamily="2" charset="0"/>
            </a:endParaRPr>
          </a:p>
        </p:txBody>
      </p:sp>
      <p:pic>
        <p:nvPicPr>
          <p:cNvPr id="16" name="Picture 15">
            <a:extLst>
              <a:ext uri="{FF2B5EF4-FFF2-40B4-BE49-F238E27FC236}">
                <a16:creationId xmlns:a16="http://schemas.microsoft.com/office/drawing/2014/main" id="{10501896-43DD-469D-A55E-AA24E780130A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399609" y="3500899"/>
            <a:ext cx="257143" cy="285714"/>
          </a:xfrm>
          <a:prstGeom prst="rect">
            <a:avLst/>
          </a:prstGeom>
        </p:spPr>
      </p:pic>
      <p:pic>
        <p:nvPicPr>
          <p:cNvPr id="19" name="Picture 18">
            <a:extLst>
              <a:ext uri="{FF2B5EF4-FFF2-40B4-BE49-F238E27FC236}">
                <a16:creationId xmlns:a16="http://schemas.microsoft.com/office/drawing/2014/main" id="{0722642E-922E-4D3E-9481-C027E3A93CD0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399609" y="5003956"/>
            <a:ext cx="475428" cy="176762"/>
          </a:xfrm>
          <a:prstGeom prst="rect">
            <a:avLst/>
          </a:prstGeom>
        </p:spPr>
      </p:pic>
      <p:pic>
        <p:nvPicPr>
          <p:cNvPr id="22" name="Picture 21">
            <a:extLst>
              <a:ext uri="{FF2B5EF4-FFF2-40B4-BE49-F238E27FC236}">
                <a16:creationId xmlns:a16="http://schemas.microsoft.com/office/drawing/2014/main" id="{F37E3D92-3923-49A5-9D66-A01D052984C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/>
          <a:srcRect l="3901" t="45142" r="62601" b="9046"/>
          <a:stretch/>
        </p:blipFill>
        <p:spPr>
          <a:xfrm>
            <a:off x="7222597" y="3155758"/>
            <a:ext cx="341204" cy="321707"/>
          </a:xfrm>
          <a:prstGeom prst="rect">
            <a:avLst/>
          </a:prstGeom>
        </p:spPr>
      </p:pic>
      <p:pic>
        <p:nvPicPr>
          <p:cNvPr id="24" name="Picture 16">
            <a:extLst>
              <a:ext uri="{FF2B5EF4-FFF2-40B4-BE49-F238E27FC236}">
                <a16:creationId xmlns:a16="http://schemas.microsoft.com/office/drawing/2014/main" id="{EE4BD888-DAA9-4A3B-ADD9-0ACB9540A63B}"/>
              </a:ext>
            </a:extLst>
          </p:cNvPr>
          <p:cNvPicPr>
            <a:picLocks noChangeAspect="1"/>
          </p:cNvPicPr>
          <p:nvPr userDrawn="1"/>
        </p:nvPicPr>
        <p:blipFill>
          <a:blip r:embed="rId5"/>
          <a:stretch>
            <a:fillRect/>
          </a:stretch>
        </p:blipFill>
        <p:spPr>
          <a:xfrm>
            <a:off x="3399609" y="4178576"/>
            <a:ext cx="328881" cy="505501"/>
          </a:xfrm>
          <a:prstGeom prst="rect">
            <a:avLst/>
          </a:prstGeom>
        </p:spPr>
      </p:pic>
      <p:pic>
        <p:nvPicPr>
          <p:cNvPr id="26" name="Picture 20">
            <a:extLst>
              <a:ext uri="{FF2B5EF4-FFF2-40B4-BE49-F238E27FC236}">
                <a16:creationId xmlns:a16="http://schemas.microsoft.com/office/drawing/2014/main" id="{ADF46DFB-ABDB-43BA-AD93-FDEE2D7642D0}"/>
              </a:ext>
            </a:extLst>
          </p:cNvPr>
          <p:cNvPicPr>
            <a:picLocks noChangeAspect="1"/>
          </p:cNvPicPr>
          <p:nvPr userDrawn="1"/>
        </p:nvPicPr>
        <p:blipFill>
          <a:blip r:embed="rId6"/>
          <a:stretch>
            <a:fillRect/>
          </a:stretch>
        </p:blipFill>
        <p:spPr>
          <a:xfrm>
            <a:off x="7295011" y="2259973"/>
            <a:ext cx="538465" cy="172841"/>
          </a:xfrm>
          <a:prstGeom prst="rect">
            <a:avLst/>
          </a:prstGeom>
        </p:spPr>
      </p:pic>
      <p:pic>
        <p:nvPicPr>
          <p:cNvPr id="27" name="Picture 19">
            <a:extLst>
              <a:ext uri="{FF2B5EF4-FFF2-40B4-BE49-F238E27FC236}">
                <a16:creationId xmlns:a16="http://schemas.microsoft.com/office/drawing/2014/main" id="{CF6F40E1-EF2A-4675-A88E-429AD3ADD347}"/>
              </a:ext>
            </a:extLst>
          </p:cNvPr>
          <p:cNvPicPr>
            <a:picLocks noChangeAspect="1"/>
          </p:cNvPicPr>
          <p:nvPr userDrawn="1"/>
        </p:nvPicPr>
        <p:blipFill>
          <a:blip r:embed="rId7"/>
          <a:stretch>
            <a:fillRect/>
          </a:stretch>
        </p:blipFill>
        <p:spPr>
          <a:xfrm>
            <a:off x="7298741" y="3887427"/>
            <a:ext cx="313788" cy="543900"/>
          </a:xfrm>
          <a:prstGeom prst="rect">
            <a:avLst/>
          </a:prstGeom>
        </p:spPr>
      </p:pic>
      <p:pic>
        <p:nvPicPr>
          <p:cNvPr id="18" name="Picture 12">
            <a:extLst>
              <a:ext uri="{FF2B5EF4-FFF2-40B4-BE49-F238E27FC236}">
                <a16:creationId xmlns:a16="http://schemas.microsoft.com/office/drawing/2014/main" id="{1EEB59ED-856C-4646-8080-8164D2973D0E}"/>
              </a:ext>
            </a:extLst>
          </p:cNvPr>
          <p:cNvPicPr>
            <a:picLocks noChangeAspect="1"/>
          </p:cNvPicPr>
          <p:nvPr userDrawn="1"/>
        </p:nvPicPr>
        <p:blipFill>
          <a:blip r:embed="rId8"/>
          <a:stretch>
            <a:fillRect/>
          </a:stretch>
        </p:blipFill>
        <p:spPr>
          <a:xfrm>
            <a:off x="11270780" y="2271263"/>
            <a:ext cx="378293" cy="543366"/>
          </a:xfrm>
          <a:prstGeom prst="rect">
            <a:avLst/>
          </a:prstGeom>
        </p:spPr>
      </p:pic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pic>
        <p:nvPicPr>
          <p:cNvPr id="11" name="Picture 10">
            <a:extLst>
              <a:ext uri="{FF2B5EF4-FFF2-40B4-BE49-F238E27FC236}">
                <a16:creationId xmlns:a16="http://schemas.microsoft.com/office/drawing/2014/main" id="{718B3BD4-04BC-40A0-B801-FB79B0884023}"/>
              </a:ext>
            </a:extLst>
          </p:cNvPr>
          <p:cNvPicPr>
            <a:picLocks noChangeAspect="1"/>
          </p:cNvPicPr>
          <p:nvPr userDrawn="1"/>
        </p:nvPicPr>
        <p:blipFill>
          <a:blip r:embed="rId9"/>
          <a:stretch>
            <a:fillRect/>
          </a:stretch>
        </p:blipFill>
        <p:spPr>
          <a:xfrm>
            <a:off x="3399609" y="2809191"/>
            <a:ext cx="457143" cy="2571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49833720"/>
      </p:ext>
    </p:extLst>
  </p:cSld>
  <p:clrMapOvr>
    <a:masterClrMapping/>
  </p:clrMapOvr>
</p:sldLayout>
</file>

<file path=ppt/slideLayouts/slideLayout7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Classifica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ast overskrift"/>
          <p:cNvSpPr txBox="1"/>
          <p:nvPr userDrawn="1"/>
        </p:nvSpPr>
        <p:spPr>
          <a:xfrm>
            <a:off x="431800" y="435649"/>
            <a:ext cx="11217273" cy="663236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pPr algn="l"/>
            <a:r>
              <a:rPr lang="en-GB" sz="3200" kern="1200" cap="all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lassification Levels Policy </a:t>
            </a:r>
          </a:p>
        </p:txBody>
      </p:sp>
      <p:sp>
        <p:nvSpPr>
          <p:cNvPr id="20" name="Date Placeholder 6" hidden="1">
            <a:extLst>
              <a:ext uri="{FF2B5EF4-FFF2-40B4-BE49-F238E27FC236}">
                <a16:creationId xmlns:a16="http://schemas.microsoft.com/office/drawing/2014/main" id="{C8F77785-DAC9-4046-8A82-0AC407341173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9C042ED-B935-47E1-9AD4-14F9C6BD48F3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21" name="Footer Placeholder 8" hidden="1">
            <a:extLst>
              <a:ext uri="{FF2B5EF4-FFF2-40B4-BE49-F238E27FC236}">
                <a16:creationId xmlns:a16="http://schemas.microsoft.com/office/drawing/2014/main" id="{9675D1FD-FB10-4317-AAF4-BDCB2224F107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23" name="Slide Number Placeholder 10" hidden="1">
            <a:extLst>
              <a:ext uri="{FF2B5EF4-FFF2-40B4-BE49-F238E27FC236}">
                <a16:creationId xmlns:a16="http://schemas.microsoft.com/office/drawing/2014/main" id="{BBF7E881-962B-4385-8C0A-994D3D7717F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08F31359-7304-45D0-84E0-C8364FD2AC19}"/>
              </a:ext>
            </a:extLst>
          </p:cNvPr>
          <p:cNvSpPr txBox="1"/>
          <p:nvPr userDrawn="1"/>
        </p:nvSpPr>
        <p:spPr>
          <a:xfrm>
            <a:off x="431800" y="1724025"/>
            <a:ext cx="8517991" cy="415498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Public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can be made public and whose disclosure is not prejudicial to the interests of Dstny, including its staff and stakeholders in its activities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Restricted</a:t>
            </a:r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:</a:t>
            </a:r>
            <a:r>
              <a:rPr lang="en-GB" sz="1800" b="1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 </a:t>
            </a:r>
            <a:r>
              <a:rPr lang="en-GB" sz="1800" b="1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Any information accessible by Dstny staff and disseminated to outsiders on a need-to-know basis under the responsibility of an authorised Dstny worker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Confidential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communicated to identified data subjects and whose unwanted disclosure could have significant consequences for Dstny </a:t>
            </a:r>
          </a:p>
          <a:p>
            <a:pPr algn="l"/>
            <a:endParaRPr lang="en-GB" sz="1800" b="0" kern="1200" baseline="0" dirty="0">
              <a:solidFill>
                <a:schemeClr val="tx1"/>
              </a:solidFill>
              <a:latin typeface="+mn-lt"/>
              <a:ea typeface="+mn-ea"/>
              <a:cs typeface="Dstny Body" panose="02000603000000020004" pitchFamily="2" charset="0"/>
            </a:endParaRPr>
          </a:p>
          <a:p>
            <a:pPr algn="l"/>
            <a:r>
              <a:rPr lang="en-GB" sz="1800" b="0" kern="1200" baseline="0" dirty="0">
                <a:solidFill>
                  <a:schemeClr val="tx1"/>
                </a:solidFill>
                <a:latin typeface="+mj-lt"/>
                <a:ea typeface="+mn-ea"/>
                <a:cs typeface="Dstny Body" panose="02000603000000020004" pitchFamily="2" charset="0"/>
              </a:rPr>
              <a:t>Secret</a:t>
            </a:r>
            <a:r>
              <a:rPr lang="en-GB" sz="1800" b="0" kern="1200" baseline="0" dirty="0">
                <a:solidFill>
                  <a:schemeClr val="tx1"/>
                </a:solidFill>
                <a:latin typeface="+mn-lt"/>
                <a:ea typeface="+mn-ea"/>
                <a:cs typeface="Dstny Body" panose="02000603000000020004" pitchFamily="2" charset="0"/>
              </a:rPr>
              <a:t>: Any information that should only be disclosed to identified and mutually identifiable data subjects, and whose unwanted disclosure could have critical consequences for Dstny </a:t>
            </a:r>
            <a:endParaRPr lang="en-GB" sz="1800" dirty="0"/>
          </a:p>
        </p:txBody>
      </p:sp>
    </p:spTree>
    <p:extLst>
      <p:ext uri="{BB962C8B-B14F-4D97-AF65-F5344CB8AC3E}">
        <p14:creationId xmlns:p14="http://schemas.microsoft.com/office/powerpoint/2010/main" val="1692566865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A">
    <p:bg>
      <p:bgPr>
        <a:gradFill>
          <a:gsLst>
            <a:gs pos="25000">
              <a:srgbClr val="FE9305"/>
            </a:gs>
            <a:gs pos="100000">
              <a:srgbClr val="FFE655"/>
            </a:gs>
          </a:gsLst>
          <a:lin ang="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E552D84-A027-418B-B489-16EF46A08E8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971382265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Pr>
        <a:solidFill>
          <a:schemeClr val="tx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tx1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en-GB" sz="1400" dirty="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4400" b="0" noProof="0" dirty="0">
                <a:solidFill>
                  <a:schemeClr val="bg1"/>
                </a:solidFill>
              </a:rPr>
              <a:t>If you see any </a:t>
            </a:r>
            <a:r>
              <a:rPr lang="en-GB" sz="4400" b="1" i="1" noProof="0" dirty="0">
                <a:solidFill>
                  <a:schemeClr val="bg1"/>
                </a:solidFill>
              </a:rPr>
              <a:t>layouts after this </a:t>
            </a:r>
            <a:r>
              <a:rPr lang="en-GB" sz="4400" b="0" i="0" noProof="0" dirty="0">
                <a:solidFill>
                  <a:schemeClr val="bg1"/>
                </a:solidFill>
              </a:rPr>
              <a:t>one</a:t>
            </a:r>
            <a:r>
              <a:rPr lang="en-GB" sz="4400" b="1" i="1" noProof="0" dirty="0">
                <a:solidFill>
                  <a:schemeClr val="bg1"/>
                </a:solidFill>
              </a:rPr>
              <a:t>,</a:t>
            </a:r>
            <a:br>
              <a:rPr lang="en-GB" sz="4400" b="0" i="0" noProof="0" dirty="0">
                <a:solidFill>
                  <a:schemeClr val="bg1"/>
                </a:solidFill>
              </a:rPr>
            </a:br>
            <a:r>
              <a:rPr lang="en-GB" sz="4400" b="0" noProof="0" dirty="0">
                <a:solidFill>
                  <a:schemeClr val="bg1"/>
                </a:solidFill>
              </a:rPr>
              <a:t>do not use them. These layouts </a:t>
            </a:r>
            <a:r>
              <a:rPr lang="en-GB" sz="4400" b="1" i="1" u="none" noProof="0" dirty="0">
                <a:solidFill>
                  <a:schemeClr val="bg1"/>
                </a:solidFill>
              </a:rPr>
              <a:t>are not </a:t>
            </a:r>
            <a:r>
              <a:rPr lang="en-GB" sz="4400" b="0" noProof="0" dirty="0">
                <a:solidFill>
                  <a:schemeClr val="bg1"/>
                </a:solidFill>
              </a:rPr>
              <a:t>part of our corporate template.</a:t>
            </a:r>
            <a:br>
              <a:rPr lang="en-GB" sz="2800" b="0" noProof="0" dirty="0">
                <a:solidFill>
                  <a:schemeClr val="bg1"/>
                </a:solidFill>
              </a:rPr>
            </a:br>
            <a:br>
              <a:rPr lang="en-GB" sz="2800" b="0" noProof="0" dirty="0">
                <a:solidFill>
                  <a:schemeClr val="bg1"/>
                </a:solidFill>
              </a:rPr>
            </a:br>
            <a:endParaRPr lang="en-GB" sz="2800" b="0" noProof="0" dirty="0">
              <a:solidFill>
                <a:schemeClr val="bg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bg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en-GB" sz="1400" dirty="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en-GB" sz="13800" b="1" i="1" noProof="0" dirty="0">
                <a:solidFill>
                  <a:schemeClr val="bg1"/>
                </a:solidFill>
              </a:rPr>
              <a:t>Do not use </a:t>
            </a:r>
            <a:endParaRPr lang="en-GB" sz="2400" b="1" i="1" dirty="0"/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Due to PowerPoint’s standard Copy/Paste functionality extra undesirable layouts can appear.</a:t>
            </a:r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en-GB" sz="2000" b="0" noProof="0" dirty="0">
                <a:solidFill>
                  <a:schemeClr val="bg1"/>
                </a:solidFill>
              </a:rPr>
              <a:t>Also notice: Layouts after this might contain potential confidential information.</a:t>
            </a:r>
            <a:br>
              <a:rPr lang="en-GB" sz="1800" b="0" noProof="0" dirty="0">
                <a:solidFill>
                  <a:schemeClr val="bg1"/>
                </a:solidFill>
              </a:rPr>
            </a:br>
            <a:endParaRPr lang="en-GB" sz="1800" b="0" noProof="0" dirty="0">
              <a:solidFill>
                <a:schemeClr val="bg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85DC5A1D-614F-45C9-9730-B88794628D07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en-GB" dirty="0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767717518"/>
      </p:ext>
    </p:extLst>
  </p:cSld>
  <p:clrMapOvr>
    <a:masterClrMapping/>
  </p:clrMapOvr>
</p:sldLayout>
</file>

<file path=ppt/slideLayouts/slideLayout81.xml><?xml version="1.0" encoding="utf-8"?>
<p:sldLayout xmlns:a="http://schemas.openxmlformats.org/drawingml/2006/main" xmlns:r="http://schemas.openxmlformats.org/officeDocument/2006/relationships" xmlns:p="http://schemas.openxmlformats.org/presentationml/2006/main" matchingName="End slides">
  <p:cSld name="End slides">
    <p:bg>
      <p:bgPr>
        <a:gradFill>
          <a:gsLst>
            <a:gs pos="0">
              <a:schemeClr val="accent6"/>
            </a:gs>
            <a:gs pos="95000">
              <a:schemeClr val="accent1"/>
            </a:gs>
            <a:gs pos="100000">
              <a:schemeClr val="accent1"/>
            </a:gs>
          </a:gsLst>
          <a:lin ang="0" scaled="0"/>
        </a:gradFill>
        <a:effectLst/>
      </p:bgPr>
    </p:bg>
    <p:spTree>
      <p:nvGrpSpPr>
        <p:cNvPr id="1" name="Shape 341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2" name="Google Shape;342;p161"/>
          <p:cNvSpPr/>
          <p:nvPr/>
        </p:nvSpPr>
        <p:spPr>
          <a:xfrm>
            <a:off x="-1" y="-1"/>
            <a:ext cx="12193200" cy="6858000"/>
          </a:xfrm>
          <a:prstGeom prst="rect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  <a:gs pos="100000">
                <a:srgbClr val="005C87"/>
              </a:gs>
            </a:gsLst>
            <a:lin ang="10800000" scaled="0"/>
          </a:gradFill>
          <a:ln>
            <a:noFill/>
          </a:ln>
        </p:spPr>
        <p:txBody>
          <a:bodyPr spcFirstLastPara="1" wrap="square" lIns="72000" tIns="36000" rIns="72000" bIns="360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43" name="Google Shape;343;p161"/>
          <p:cNvSpPr/>
          <p:nvPr/>
        </p:nvSpPr>
        <p:spPr>
          <a:xfrm rot="5400000" flipH="1">
            <a:off x="-1088913" y="3364556"/>
            <a:ext cx="5126400" cy="126000"/>
          </a:xfrm>
          <a:prstGeom prst="rect">
            <a:avLst/>
          </a:prstGeom>
          <a:solidFill>
            <a:schemeClr val="lt1"/>
          </a:solidFill>
          <a:ln>
            <a:noFill/>
          </a:ln>
        </p:spPr>
        <p:txBody>
          <a:bodyPr spcFirstLastPara="1" wrap="square" lIns="72000" tIns="36000" rIns="72000" bIns="360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20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pic>
        <p:nvPicPr>
          <p:cNvPr id="344" name="Google Shape;344;p161"/>
          <p:cNvPicPr preferRelativeResize="0"/>
          <p:nvPr/>
        </p:nvPicPr>
        <p:blipFill rotWithShape="1">
          <a:blip r:embed="rId2">
            <a:alphaModFix/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  <a:noFill/>
          <a:ln>
            <a:noFill/>
          </a:ln>
        </p:spPr>
      </p:pic>
      <p:sp>
        <p:nvSpPr>
          <p:cNvPr id="345" name="Google Shape;345;p161"/>
          <p:cNvSpPr txBox="1">
            <a:spLocks noGrp="1"/>
          </p:cNvSpPr>
          <p:nvPr>
            <p:ph type="body" idx="1"/>
          </p:nvPr>
        </p:nvSpPr>
        <p:spPr>
          <a:xfrm>
            <a:off x="1965600" y="5850000"/>
            <a:ext cx="1656000" cy="1548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lvl="1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lvl="2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lvl="3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lvl="4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lvl="5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700"/>
              <a:buNone/>
              <a:defRPr sz="700" b="0" cap="none"/>
            </a:lvl6pPr>
            <a:lvl7pPr marL="3200400" lvl="6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/>
            </a:lvl7pPr>
            <a:lvl8pPr marL="3657600" lvl="7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/>
            </a:lvl8pPr>
            <a:lvl9pPr marL="4114800" lvl="8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/>
            </a:lvl9pPr>
          </a:lstStyle>
          <a:p>
            <a:endParaRPr/>
          </a:p>
        </p:txBody>
      </p:sp>
      <p:sp>
        <p:nvSpPr>
          <p:cNvPr id="346" name="Google Shape;346;p161"/>
          <p:cNvSpPr txBox="1">
            <a:spLocks noGrp="1"/>
          </p:cNvSpPr>
          <p:nvPr>
            <p:ph type="body" idx="2"/>
          </p:nvPr>
        </p:nvSpPr>
        <p:spPr>
          <a:xfrm>
            <a:off x="3927600" y="5850000"/>
            <a:ext cx="1656000" cy="147600"/>
          </a:xfrm>
          <a:prstGeom prst="rect">
            <a:avLst/>
          </a:prstGeom>
          <a:noFill/>
          <a:ln>
            <a:noFill/>
          </a:ln>
        </p:spPr>
        <p:txBody>
          <a:bodyPr spcFirstLastPara="1" wrap="square" lIns="0" tIns="0" rIns="0" bIns="0" anchor="b" anchorCtr="0">
            <a:noAutofit/>
          </a:bodyPr>
          <a:lstStyle>
            <a:lvl1pPr marL="457200" lvl="0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1pPr>
            <a:lvl2pPr marL="914400" lvl="1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2pPr>
            <a:lvl3pPr marL="1371600" lvl="2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3pPr>
            <a:lvl4pPr marL="1828800" lvl="3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4pPr>
            <a:lvl5pPr marL="2286000" lvl="4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>
                <a:solidFill>
                  <a:schemeClr val="lt1"/>
                </a:solidFill>
                <a:latin typeface="Arial"/>
                <a:ea typeface="Arial"/>
                <a:cs typeface="Arial"/>
                <a:sym typeface="Arial"/>
              </a:defRPr>
            </a:lvl5pPr>
            <a:lvl6pPr marL="2743200" lvl="5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SzPts val="700"/>
              <a:buNone/>
              <a:defRPr sz="700" b="0" cap="none"/>
            </a:lvl6pPr>
            <a:lvl7pPr marL="3200400" lvl="6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/>
            </a:lvl7pPr>
            <a:lvl8pPr marL="3657600" lvl="7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/>
            </a:lvl8pPr>
            <a:lvl9pPr marL="4114800" lvl="8" indent="-22860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lt1"/>
              </a:buClr>
              <a:buSzPts val="700"/>
              <a:buNone/>
              <a:defRPr sz="700" b="0" cap="none"/>
            </a:lvl9pPr>
          </a:lstStyle>
          <a:p>
            <a:endParaRPr/>
          </a:p>
        </p:txBody>
      </p:sp>
      <p:sp>
        <p:nvSpPr>
          <p:cNvPr id="347" name="Google Shape;347;p161"/>
          <p:cNvSpPr/>
          <p:nvPr/>
        </p:nvSpPr>
        <p:spPr>
          <a:xfrm>
            <a:off x="2001182" y="924535"/>
            <a:ext cx="5269720" cy="949686"/>
          </a:xfrm>
          <a:custGeom>
            <a:avLst/>
            <a:gdLst/>
            <a:ahLst/>
            <a:cxnLst/>
            <a:rect l="l" t="t" r="r" b="b"/>
            <a:pathLst>
              <a:path w="5269720" h="949686" extrusionOk="0">
                <a:moveTo>
                  <a:pt x="1684072" y="498006"/>
                </a:moveTo>
                <a:cubicBezTo>
                  <a:pt x="1664287" y="506210"/>
                  <a:pt x="1637746" y="512965"/>
                  <a:pt x="1604449" y="518274"/>
                </a:cubicBezTo>
                <a:cubicBezTo>
                  <a:pt x="1582010" y="521893"/>
                  <a:pt x="1565301" y="528709"/>
                  <a:pt x="1554322" y="538722"/>
                </a:cubicBezTo>
                <a:cubicBezTo>
                  <a:pt x="1543344" y="548736"/>
                  <a:pt x="1537855" y="561222"/>
                  <a:pt x="1537855" y="576181"/>
                </a:cubicBezTo>
                <a:cubicBezTo>
                  <a:pt x="1537855" y="591382"/>
                  <a:pt x="1543163" y="603145"/>
                  <a:pt x="1553780" y="611469"/>
                </a:cubicBezTo>
                <a:cubicBezTo>
                  <a:pt x="1564396" y="619793"/>
                  <a:pt x="1578390" y="623955"/>
                  <a:pt x="1595763" y="623955"/>
                </a:cubicBezTo>
                <a:cubicBezTo>
                  <a:pt x="1611205" y="623955"/>
                  <a:pt x="1625682" y="620758"/>
                  <a:pt x="1639193" y="614364"/>
                </a:cubicBezTo>
                <a:cubicBezTo>
                  <a:pt x="1652705" y="607970"/>
                  <a:pt x="1663563" y="598741"/>
                  <a:pt x="1671766" y="586677"/>
                </a:cubicBezTo>
                <a:cubicBezTo>
                  <a:pt x="1679970" y="574613"/>
                  <a:pt x="1684072" y="560498"/>
                  <a:pt x="1684072" y="544332"/>
                </a:cubicBezTo>
                <a:close/>
                <a:moveTo>
                  <a:pt x="4340559" y="322835"/>
                </a:moveTo>
                <a:cubicBezTo>
                  <a:pt x="4322946" y="322835"/>
                  <a:pt x="4307685" y="328445"/>
                  <a:pt x="4294776" y="339665"/>
                </a:cubicBezTo>
                <a:cubicBezTo>
                  <a:pt x="4281867" y="350884"/>
                  <a:pt x="4272035" y="367050"/>
                  <a:pt x="4265279" y="388162"/>
                </a:cubicBezTo>
                <a:cubicBezTo>
                  <a:pt x="4258523" y="409274"/>
                  <a:pt x="4255145" y="434308"/>
                  <a:pt x="4255145" y="463261"/>
                </a:cubicBezTo>
                <a:cubicBezTo>
                  <a:pt x="4255145" y="492215"/>
                  <a:pt x="4258523" y="517248"/>
                  <a:pt x="4265279" y="538360"/>
                </a:cubicBezTo>
                <a:cubicBezTo>
                  <a:pt x="4272035" y="559473"/>
                  <a:pt x="4281867" y="575638"/>
                  <a:pt x="4294776" y="586858"/>
                </a:cubicBezTo>
                <a:cubicBezTo>
                  <a:pt x="4307685" y="598078"/>
                  <a:pt x="4322946" y="603687"/>
                  <a:pt x="4340559" y="603687"/>
                </a:cubicBezTo>
                <a:cubicBezTo>
                  <a:pt x="4357449" y="603687"/>
                  <a:pt x="4372046" y="598017"/>
                  <a:pt x="4384352" y="586677"/>
                </a:cubicBezTo>
                <a:cubicBezTo>
                  <a:pt x="4396657" y="575337"/>
                  <a:pt x="4406188" y="559111"/>
                  <a:pt x="4412944" y="537998"/>
                </a:cubicBezTo>
                <a:cubicBezTo>
                  <a:pt x="4419700" y="516886"/>
                  <a:pt x="4423078" y="491974"/>
                  <a:pt x="4423078" y="463261"/>
                </a:cubicBezTo>
                <a:cubicBezTo>
                  <a:pt x="4423078" y="434549"/>
                  <a:pt x="4419700" y="409636"/>
                  <a:pt x="4412944" y="388524"/>
                </a:cubicBezTo>
                <a:cubicBezTo>
                  <a:pt x="4406188" y="367412"/>
                  <a:pt x="4396657" y="351186"/>
                  <a:pt x="4384352" y="339846"/>
                </a:cubicBezTo>
                <a:cubicBezTo>
                  <a:pt x="4372046" y="328505"/>
                  <a:pt x="4357449" y="322835"/>
                  <a:pt x="4340559" y="322835"/>
                </a:cubicBezTo>
                <a:close/>
                <a:moveTo>
                  <a:pt x="4709464" y="185305"/>
                </a:moveTo>
                <a:lnTo>
                  <a:pt x="4909245" y="185305"/>
                </a:lnTo>
                <a:lnTo>
                  <a:pt x="4909245" y="498006"/>
                </a:lnTo>
                <a:cubicBezTo>
                  <a:pt x="4909486" y="525753"/>
                  <a:pt x="4916544" y="547408"/>
                  <a:pt x="4930418" y="562971"/>
                </a:cubicBezTo>
                <a:cubicBezTo>
                  <a:pt x="4944291" y="578534"/>
                  <a:pt x="4963774" y="586315"/>
                  <a:pt x="4988868" y="586315"/>
                </a:cubicBezTo>
                <a:cubicBezTo>
                  <a:pt x="5013720" y="586315"/>
                  <a:pt x="5033505" y="578413"/>
                  <a:pt x="5048223" y="562609"/>
                </a:cubicBezTo>
                <a:cubicBezTo>
                  <a:pt x="5062942" y="546805"/>
                  <a:pt x="5070180" y="525271"/>
                  <a:pt x="5069939" y="498006"/>
                </a:cubicBezTo>
                <a:lnTo>
                  <a:pt x="5069939" y="185305"/>
                </a:lnTo>
                <a:lnTo>
                  <a:pt x="5269720" y="185305"/>
                </a:lnTo>
                <a:lnTo>
                  <a:pt x="5269720" y="741218"/>
                </a:lnTo>
                <a:lnTo>
                  <a:pt x="5080073" y="741218"/>
                </a:lnTo>
                <a:lnTo>
                  <a:pt x="5080073" y="635537"/>
                </a:lnTo>
                <a:lnTo>
                  <a:pt x="5074282" y="635537"/>
                </a:lnTo>
                <a:cubicBezTo>
                  <a:pt x="5062218" y="671005"/>
                  <a:pt x="5041106" y="698692"/>
                  <a:pt x="5010945" y="718598"/>
                </a:cubicBezTo>
                <a:cubicBezTo>
                  <a:pt x="4980785" y="738504"/>
                  <a:pt x="4944955" y="748457"/>
                  <a:pt x="4903454" y="748457"/>
                </a:cubicBezTo>
                <a:cubicBezTo>
                  <a:pt x="4865090" y="748457"/>
                  <a:pt x="4831251" y="739589"/>
                  <a:pt x="4801935" y="721855"/>
                </a:cubicBezTo>
                <a:cubicBezTo>
                  <a:pt x="4772619" y="704121"/>
                  <a:pt x="4749878" y="679450"/>
                  <a:pt x="4733712" y="647842"/>
                </a:cubicBezTo>
                <a:cubicBezTo>
                  <a:pt x="4717546" y="616234"/>
                  <a:pt x="4709464" y="580283"/>
                  <a:pt x="4709464" y="539989"/>
                </a:cubicBezTo>
                <a:close/>
                <a:moveTo>
                  <a:pt x="3407285" y="185305"/>
                </a:moveTo>
                <a:lnTo>
                  <a:pt x="3615753" y="185305"/>
                </a:lnTo>
                <a:lnTo>
                  <a:pt x="3705509" y="570391"/>
                </a:lnTo>
                <a:lnTo>
                  <a:pt x="3711300" y="570391"/>
                </a:lnTo>
                <a:lnTo>
                  <a:pt x="3802505" y="185305"/>
                </a:lnTo>
                <a:lnTo>
                  <a:pt x="4012420" y="185305"/>
                </a:lnTo>
                <a:lnTo>
                  <a:pt x="3809743" y="787544"/>
                </a:lnTo>
                <a:cubicBezTo>
                  <a:pt x="3792853" y="837972"/>
                  <a:pt x="3765709" y="877603"/>
                  <a:pt x="3728311" y="906436"/>
                </a:cubicBezTo>
                <a:cubicBezTo>
                  <a:pt x="3690912" y="935269"/>
                  <a:pt x="3639398" y="949686"/>
                  <a:pt x="3573769" y="949686"/>
                </a:cubicBezTo>
                <a:cubicBezTo>
                  <a:pt x="3550848" y="949686"/>
                  <a:pt x="3529012" y="947997"/>
                  <a:pt x="3508261" y="944619"/>
                </a:cubicBezTo>
                <a:cubicBezTo>
                  <a:pt x="3487511" y="941241"/>
                  <a:pt x="3469294" y="936415"/>
                  <a:pt x="3453611" y="930142"/>
                </a:cubicBezTo>
                <a:lnTo>
                  <a:pt x="3497042" y="788268"/>
                </a:lnTo>
                <a:cubicBezTo>
                  <a:pt x="3520446" y="796472"/>
                  <a:pt x="3539628" y="800574"/>
                  <a:pt x="3554588" y="800574"/>
                </a:cubicBezTo>
                <a:cubicBezTo>
                  <a:pt x="3576544" y="800574"/>
                  <a:pt x="3591142" y="792370"/>
                  <a:pt x="3598380" y="775963"/>
                </a:cubicBezTo>
                <a:lnTo>
                  <a:pt x="3602723" y="765829"/>
                </a:lnTo>
                <a:close/>
                <a:moveTo>
                  <a:pt x="4339111" y="178066"/>
                </a:moveTo>
                <a:cubicBezTo>
                  <a:pt x="4398467" y="178066"/>
                  <a:pt x="4449860" y="190009"/>
                  <a:pt x="4493291" y="213896"/>
                </a:cubicBezTo>
                <a:cubicBezTo>
                  <a:pt x="4536721" y="237783"/>
                  <a:pt x="4569898" y="271321"/>
                  <a:pt x="4592819" y="314511"/>
                </a:cubicBezTo>
                <a:cubicBezTo>
                  <a:pt x="4615741" y="357701"/>
                  <a:pt x="4627202" y="407766"/>
                  <a:pt x="4627202" y="464709"/>
                </a:cubicBezTo>
                <a:cubicBezTo>
                  <a:pt x="4627202" y="521652"/>
                  <a:pt x="4615741" y="571718"/>
                  <a:pt x="4592819" y="614907"/>
                </a:cubicBezTo>
                <a:cubicBezTo>
                  <a:pt x="4569898" y="658097"/>
                  <a:pt x="4536721" y="691635"/>
                  <a:pt x="4493291" y="715522"/>
                </a:cubicBezTo>
                <a:cubicBezTo>
                  <a:pt x="4449860" y="739409"/>
                  <a:pt x="4398467" y="751352"/>
                  <a:pt x="4339111" y="751352"/>
                </a:cubicBezTo>
                <a:cubicBezTo>
                  <a:pt x="4279756" y="751352"/>
                  <a:pt x="4228363" y="739409"/>
                  <a:pt x="4184932" y="715522"/>
                </a:cubicBezTo>
                <a:cubicBezTo>
                  <a:pt x="4141502" y="691635"/>
                  <a:pt x="4108325" y="658097"/>
                  <a:pt x="4085403" y="614907"/>
                </a:cubicBezTo>
                <a:cubicBezTo>
                  <a:pt x="4062482" y="571718"/>
                  <a:pt x="4051021" y="521652"/>
                  <a:pt x="4051021" y="464709"/>
                </a:cubicBezTo>
                <a:cubicBezTo>
                  <a:pt x="4051021" y="407766"/>
                  <a:pt x="4062482" y="357701"/>
                  <a:pt x="4085403" y="314511"/>
                </a:cubicBezTo>
                <a:cubicBezTo>
                  <a:pt x="4108325" y="271321"/>
                  <a:pt x="4141502" y="237783"/>
                  <a:pt x="4184932" y="213896"/>
                </a:cubicBezTo>
                <a:cubicBezTo>
                  <a:pt x="4228363" y="190009"/>
                  <a:pt x="4279756" y="178066"/>
                  <a:pt x="4339111" y="178066"/>
                </a:cubicBezTo>
                <a:close/>
                <a:moveTo>
                  <a:pt x="2342054" y="178066"/>
                </a:moveTo>
                <a:cubicBezTo>
                  <a:pt x="2380659" y="178066"/>
                  <a:pt x="2414680" y="186993"/>
                  <a:pt x="2444117" y="204848"/>
                </a:cubicBezTo>
                <a:cubicBezTo>
                  <a:pt x="2473553" y="222703"/>
                  <a:pt x="2496233" y="247435"/>
                  <a:pt x="2512158" y="279043"/>
                </a:cubicBezTo>
                <a:cubicBezTo>
                  <a:pt x="2528083" y="310651"/>
                  <a:pt x="2536045" y="346481"/>
                  <a:pt x="2536045" y="386534"/>
                </a:cubicBezTo>
                <a:lnTo>
                  <a:pt x="2536045" y="741218"/>
                </a:lnTo>
                <a:lnTo>
                  <a:pt x="2336264" y="741218"/>
                </a:lnTo>
                <a:lnTo>
                  <a:pt x="2336264" y="428517"/>
                </a:lnTo>
                <a:cubicBezTo>
                  <a:pt x="2336505" y="401011"/>
                  <a:pt x="2329568" y="379416"/>
                  <a:pt x="2315453" y="363733"/>
                </a:cubicBezTo>
                <a:cubicBezTo>
                  <a:pt x="2301338" y="348049"/>
                  <a:pt x="2281734" y="340208"/>
                  <a:pt x="2256641" y="340208"/>
                </a:cubicBezTo>
                <a:cubicBezTo>
                  <a:pt x="2231789" y="340208"/>
                  <a:pt x="2212124" y="348049"/>
                  <a:pt x="2197647" y="363733"/>
                </a:cubicBezTo>
                <a:cubicBezTo>
                  <a:pt x="2183170" y="379416"/>
                  <a:pt x="2175811" y="401011"/>
                  <a:pt x="2175570" y="428517"/>
                </a:cubicBezTo>
                <a:lnTo>
                  <a:pt x="2175570" y="741218"/>
                </a:lnTo>
                <a:lnTo>
                  <a:pt x="1975788" y="741218"/>
                </a:lnTo>
                <a:lnTo>
                  <a:pt x="1975788" y="185305"/>
                </a:lnTo>
                <a:lnTo>
                  <a:pt x="2165436" y="185305"/>
                </a:lnTo>
                <a:lnTo>
                  <a:pt x="2165436" y="290986"/>
                </a:lnTo>
                <a:lnTo>
                  <a:pt x="2171227" y="290986"/>
                </a:lnTo>
                <a:cubicBezTo>
                  <a:pt x="2179189" y="267823"/>
                  <a:pt x="2191434" y="247736"/>
                  <a:pt x="2207962" y="230726"/>
                </a:cubicBezTo>
                <a:cubicBezTo>
                  <a:pt x="2224490" y="213715"/>
                  <a:pt x="2244214" y="200686"/>
                  <a:pt x="2267136" y="191638"/>
                </a:cubicBezTo>
                <a:cubicBezTo>
                  <a:pt x="2290058" y="182590"/>
                  <a:pt x="2315031" y="178066"/>
                  <a:pt x="2342054" y="178066"/>
                </a:cubicBezTo>
                <a:close/>
                <a:moveTo>
                  <a:pt x="1626164" y="178066"/>
                </a:moveTo>
                <a:cubicBezTo>
                  <a:pt x="1677799" y="178066"/>
                  <a:pt x="1723039" y="186028"/>
                  <a:pt x="1761885" y="201953"/>
                </a:cubicBezTo>
                <a:cubicBezTo>
                  <a:pt x="1800732" y="217878"/>
                  <a:pt x="1830530" y="239714"/>
                  <a:pt x="1851280" y="267461"/>
                </a:cubicBezTo>
                <a:cubicBezTo>
                  <a:pt x="1872030" y="295208"/>
                  <a:pt x="1882406" y="326213"/>
                  <a:pt x="1882406" y="360475"/>
                </a:cubicBezTo>
                <a:lnTo>
                  <a:pt x="1882406" y="741218"/>
                </a:lnTo>
                <a:lnTo>
                  <a:pt x="1695653" y="741218"/>
                </a:lnTo>
                <a:lnTo>
                  <a:pt x="1695653" y="663043"/>
                </a:lnTo>
                <a:lnTo>
                  <a:pt x="1691310" y="663043"/>
                </a:lnTo>
                <a:cubicBezTo>
                  <a:pt x="1674903" y="693203"/>
                  <a:pt x="1653369" y="715220"/>
                  <a:pt x="1626707" y="729094"/>
                </a:cubicBezTo>
                <a:cubicBezTo>
                  <a:pt x="1600045" y="742967"/>
                  <a:pt x="1568015" y="749904"/>
                  <a:pt x="1530617" y="749904"/>
                </a:cubicBezTo>
                <a:cubicBezTo>
                  <a:pt x="1494424" y="749904"/>
                  <a:pt x="1462756" y="743993"/>
                  <a:pt x="1435612" y="732170"/>
                </a:cubicBezTo>
                <a:cubicBezTo>
                  <a:pt x="1408468" y="720347"/>
                  <a:pt x="1387355" y="702311"/>
                  <a:pt x="1372275" y="678063"/>
                </a:cubicBezTo>
                <a:cubicBezTo>
                  <a:pt x="1357195" y="653814"/>
                  <a:pt x="1349655" y="623714"/>
                  <a:pt x="1349655" y="587763"/>
                </a:cubicBezTo>
                <a:cubicBezTo>
                  <a:pt x="1349655" y="530338"/>
                  <a:pt x="1368053" y="487691"/>
                  <a:pt x="1404848" y="459823"/>
                </a:cubicBezTo>
                <a:cubicBezTo>
                  <a:pt x="1441644" y="431955"/>
                  <a:pt x="1491288" y="415729"/>
                  <a:pt x="1553780" y="411144"/>
                </a:cubicBezTo>
                <a:cubicBezTo>
                  <a:pt x="1586353" y="408732"/>
                  <a:pt x="1611747" y="405776"/>
                  <a:pt x="1629964" y="402277"/>
                </a:cubicBezTo>
                <a:cubicBezTo>
                  <a:pt x="1648181" y="398779"/>
                  <a:pt x="1661512" y="393832"/>
                  <a:pt x="1669957" y="387438"/>
                </a:cubicBezTo>
                <a:cubicBezTo>
                  <a:pt x="1678402" y="381045"/>
                  <a:pt x="1682624" y="372539"/>
                  <a:pt x="1682624" y="361923"/>
                </a:cubicBezTo>
                <a:lnTo>
                  <a:pt x="1682624" y="360475"/>
                </a:lnTo>
                <a:cubicBezTo>
                  <a:pt x="1682624" y="346240"/>
                  <a:pt x="1677195" y="335201"/>
                  <a:pt x="1666338" y="327359"/>
                </a:cubicBezTo>
                <a:cubicBezTo>
                  <a:pt x="1655480" y="319518"/>
                  <a:pt x="1641124" y="315597"/>
                  <a:pt x="1623269" y="315597"/>
                </a:cubicBezTo>
                <a:cubicBezTo>
                  <a:pt x="1603725" y="315597"/>
                  <a:pt x="1588102" y="319819"/>
                  <a:pt x="1576400" y="328264"/>
                </a:cubicBezTo>
                <a:cubicBezTo>
                  <a:pt x="1564697" y="336709"/>
                  <a:pt x="1557640" y="349376"/>
                  <a:pt x="1555227" y="366266"/>
                </a:cubicBezTo>
                <a:lnTo>
                  <a:pt x="1371370" y="366266"/>
                </a:lnTo>
                <a:cubicBezTo>
                  <a:pt x="1373783" y="331280"/>
                  <a:pt x="1384822" y="299552"/>
                  <a:pt x="1404486" y="271080"/>
                </a:cubicBezTo>
                <a:cubicBezTo>
                  <a:pt x="1424151" y="242609"/>
                  <a:pt x="1452682" y="219989"/>
                  <a:pt x="1490081" y="203220"/>
                </a:cubicBezTo>
                <a:cubicBezTo>
                  <a:pt x="1527480" y="186451"/>
                  <a:pt x="1572841" y="178066"/>
                  <a:pt x="1626164" y="178066"/>
                </a:cubicBezTo>
                <a:close/>
                <a:moveTo>
                  <a:pt x="2633013" y="0"/>
                </a:moveTo>
                <a:lnTo>
                  <a:pt x="2832795" y="0"/>
                </a:lnTo>
                <a:lnTo>
                  <a:pt x="2832795" y="372057"/>
                </a:lnTo>
                <a:lnTo>
                  <a:pt x="2840033" y="372057"/>
                </a:lnTo>
                <a:lnTo>
                  <a:pt x="2974669" y="185305"/>
                </a:lnTo>
                <a:lnTo>
                  <a:pt x="3199061" y="185305"/>
                </a:lnTo>
                <a:lnTo>
                  <a:pt x="3010137" y="428879"/>
                </a:lnTo>
                <a:lnTo>
                  <a:pt x="3204851" y="741218"/>
                </a:lnTo>
                <a:lnTo>
                  <a:pt x="2976116" y="741218"/>
                </a:lnTo>
                <a:lnTo>
                  <a:pt x="2862834" y="545418"/>
                </a:lnTo>
                <a:lnTo>
                  <a:pt x="2832795" y="583420"/>
                </a:lnTo>
                <a:lnTo>
                  <a:pt x="2832795" y="741218"/>
                </a:lnTo>
                <a:lnTo>
                  <a:pt x="2633013" y="741218"/>
                </a:lnTo>
                <a:close/>
                <a:moveTo>
                  <a:pt x="718488" y="0"/>
                </a:moveTo>
                <a:lnTo>
                  <a:pt x="911031" y="0"/>
                </a:lnTo>
                <a:lnTo>
                  <a:pt x="911031" y="290986"/>
                </a:lnTo>
                <a:lnTo>
                  <a:pt x="916822" y="290986"/>
                </a:lnTo>
                <a:cubicBezTo>
                  <a:pt x="929369" y="255276"/>
                  <a:pt x="950300" y="227529"/>
                  <a:pt x="979616" y="207744"/>
                </a:cubicBezTo>
                <a:cubicBezTo>
                  <a:pt x="1008932" y="187959"/>
                  <a:pt x="1043978" y="178066"/>
                  <a:pt x="1084754" y="178066"/>
                </a:cubicBezTo>
                <a:cubicBezTo>
                  <a:pt x="1123360" y="178066"/>
                  <a:pt x="1157380" y="186933"/>
                  <a:pt x="1186817" y="204667"/>
                </a:cubicBezTo>
                <a:cubicBezTo>
                  <a:pt x="1216253" y="222402"/>
                  <a:pt x="1238934" y="247073"/>
                  <a:pt x="1254858" y="278681"/>
                </a:cubicBezTo>
                <a:cubicBezTo>
                  <a:pt x="1270783" y="310289"/>
                  <a:pt x="1278745" y="346240"/>
                  <a:pt x="1278745" y="386534"/>
                </a:cubicBezTo>
                <a:lnTo>
                  <a:pt x="1278745" y="741218"/>
                </a:lnTo>
                <a:lnTo>
                  <a:pt x="1078964" y="741218"/>
                </a:lnTo>
                <a:lnTo>
                  <a:pt x="1078964" y="428517"/>
                </a:lnTo>
                <a:cubicBezTo>
                  <a:pt x="1079205" y="400769"/>
                  <a:pt x="1072329" y="379114"/>
                  <a:pt x="1058334" y="363552"/>
                </a:cubicBezTo>
                <a:cubicBezTo>
                  <a:pt x="1044340" y="347989"/>
                  <a:pt x="1024675" y="340208"/>
                  <a:pt x="999341" y="340208"/>
                </a:cubicBezTo>
                <a:cubicBezTo>
                  <a:pt x="974730" y="340208"/>
                  <a:pt x="955126" y="348110"/>
                  <a:pt x="940528" y="363913"/>
                </a:cubicBezTo>
                <a:cubicBezTo>
                  <a:pt x="925931" y="379717"/>
                  <a:pt x="918511" y="401252"/>
                  <a:pt x="918270" y="428517"/>
                </a:cubicBezTo>
                <a:lnTo>
                  <a:pt x="918270" y="741218"/>
                </a:lnTo>
                <a:lnTo>
                  <a:pt x="718488" y="741218"/>
                </a:lnTo>
                <a:close/>
                <a:moveTo>
                  <a:pt x="0" y="0"/>
                </a:moveTo>
                <a:lnTo>
                  <a:pt x="644223" y="0"/>
                </a:lnTo>
                <a:lnTo>
                  <a:pt x="644223" y="162141"/>
                </a:lnTo>
                <a:lnTo>
                  <a:pt x="421279" y="162141"/>
                </a:lnTo>
                <a:lnTo>
                  <a:pt x="421279" y="741218"/>
                </a:lnTo>
                <a:lnTo>
                  <a:pt x="222945" y="741218"/>
                </a:lnTo>
                <a:lnTo>
                  <a:pt x="222945" y="162141"/>
                </a:lnTo>
                <a:lnTo>
                  <a:pt x="0" y="162141"/>
                </a:lnTo>
                <a:close/>
              </a:path>
            </a:pathLst>
          </a:custGeom>
          <a:solidFill>
            <a:schemeClr val="lt1"/>
          </a:solidFill>
          <a:ln>
            <a:noFill/>
          </a:ln>
        </p:spPr>
        <p:txBody>
          <a:bodyPr spcFirstLastPara="1" wrap="square" lIns="72000" tIns="36000" rIns="72000" bIns="36000" anchor="ctr" anchorCtr="0">
            <a:noAutofit/>
          </a:bodyPr>
          <a:lstStyle/>
          <a:p>
            <a:pPr marL="0" marR="0" lvl="0" indent="0" algn="ctr" rtl="0">
              <a:spcBef>
                <a:spcPts val="0"/>
              </a:spcBef>
              <a:spcAft>
                <a:spcPts val="0"/>
              </a:spcAft>
              <a:buNone/>
            </a:pPr>
            <a:endParaRPr sz="1800">
              <a:solidFill>
                <a:schemeClr val="lt1"/>
              </a:solidFill>
              <a:latin typeface="Arial"/>
              <a:ea typeface="Arial"/>
              <a:cs typeface="Arial"/>
              <a:sym typeface="Arial"/>
            </a:endParaRPr>
          </a:p>
        </p:txBody>
      </p:sp>
      <p:sp>
        <p:nvSpPr>
          <p:cNvPr id="348" name="Google Shape;348;p161"/>
          <p:cNvSpPr/>
          <p:nvPr/>
        </p:nvSpPr>
        <p:spPr>
          <a:xfrm>
            <a:off x="7350780" y="1474967"/>
            <a:ext cx="196432" cy="195613"/>
          </a:xfrm>
          <a:custGeom>
            <a:avLst/>
            <a:gdLst/>
            <a:ahLst/>
            <a:cxnLst/>
            <a:rect l="l" t="t" r="r" b="b"/>
            <a:pathLst>
              <a:path w="173723" h="172999" extrusionOk="0">
                <a:moveTo>
                  <a:pt x="86862" y="0"/>
                </a:moveTo>
                <a:cubicBezTo>
                  <a:pt x="102063" y="0"/>
                  <a:pt x="116298" y="3861"/>
                  <a:pt x="129569" y="11582"/>
                </a:cubicBezTo>
                <a:cubicBezTo>
                  <a:pt x="142839" y="19303"/>
                  <a:pt x="153516" y="29798"/>
                  <a:pt x="161599" y="43069"/>
                </a:cubicBezTo>
                <a:cubicBezTo>
                  <a:pt x="169682" y="56339"/>
                  <a:pt x="173723" y="70696"/>
                  <a:pt x="173723" y="86138"/>
                </a:cubicBezTo>
                <a:cubicBezTo>
                  <a:pt x="173723" y="101821"/>
                  <a:pt x="169682" y="116298"/>
                  <a:pt x="161599" y="129568"/>
                </a:cubicBezTo>
                <a:cubicBezTo>
                  <a:pt x="153516" y="142839"/>
                  <a:pt x="142839" y="153395"/>
                  <a:pt x="129569" y="161237"/>
                </a:cubicBezTo>
                <a:cubicBezTo>
                  <a:pt x="116298" y="169078"/>
                  <a:pt x="102063" y="172999"/>
                  <a:pt x="86862" y="172999"/>
                </a:cubicBezTo>
                <a:cubicBezTo>
                  <a:pt x="71179" y="172999"/>
                  <a:pt x="56641" y="169139"/>
                  <a:pt x="43250" y="161418"/>
                </a:cubicBezTo>
                <a:cubicBezTo>
                  <a:pt x="29859" y="153697"/>
                  <a:pt x="19303" y="143140"/>
                  <a:pt x="11582" y="129749"/>
                </a:cubicBezTo>
                <a:cubicBezTo>
                  <a:pt x="3861" y="116358"/>
                  <a:pt x="0" y="101821"/>
                  <a:pt x="0" y="86138"/>
                </a:cubicBezTo>
                <a:cubicBezTo>
                  <a:pt x="0" y="70696"/>
                  <a:pt x="3861" y="56339"/>
                  <a:pt x="11582" y="43069"/>
                </a:cubicBezTo>
                <a:cubicBezTo>
                  <a:pt x="19303" y="29798"/>
                  <a:pt x="29859" y="19303"/>
                  <a:pt x="43250" y="11582"/>
                </a:cubicBezTo>
                <a:cubicBezTo>
                  <a:pt x="56641" y="3861"/>
                  <a:pt x="71179" y="0"/>
                  <a:pt x="86862" y="0"/>
                </a:cubicBezTo>
                <a:close/>
              </a:path>
            </a:pathLst>
          </a:custGeom>
          <a:solidFill>
            <a:schemeClr val="accent2"/>
          </a:solidFill>
          <a:ln>
            <a:noFill/>
          </a:ln>
        </p:spPr>
        <p:txBody>
          <a:bodyPr spcFirstLastPara="1" wrap="square" lIns="91425" tIns="45700" rIns="91425" bIns="45700" anchor="t" anchorCtr="0">
            <a:noAutofit/>
          </a:bodyPr>
          <a:lstStyle/>
          <a:p>
            <a:pPr marL="0" marR="0" lvl="0" indent="0" algn="l" rtl="0">
              <a:spcBef>
                <a:spcPts val="0"/>
              </a:spcBef>
              <a:spcAft>
                <a:spcPts val="0"/>
              </a:spcAft>
              <a:buNone/>
            </a:pPr>
            <a:endParaRPr sz="8000">
              <a:solidFill>
                <a:schemeClr val="accent2"/>
              </a:solidFill>
              <a:latin typeface="Arial"/>
              <a:ea typeface="Arial"/>
              <a:cs typeface="Arial"/>
              <a:sym typeface="Arial"/>
            </a:endParaRPr>
          </a:p>
        </p:txBody>
      </p:sp>
    </p:spTree>
    <p:extLst>
      <p:ext uri="{BB962C8B-B14F-4D97-AF65-F5344CB8AC3E}">
        <p14:creationId xmlns:p14="http://schemas.microsoft.com/office/powerpoint/2010/main" val="1450546911"/>
      </p:ext>
    </p:extLst>
  </p:cSld>
  <p:clrMapOvr>
    <a:masterClrMapping/>
  </p:clrMapOvr>
</p:sldLayout>
</file>

<file path=ppt/slideLayouts/slideLayout8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64778873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23D6DE55-12CE-4DCC-AB6C-3C77D2902D28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Rectangle">
            <a:extLst>
              <a:ext uri="{FF2B5EF4-FFF2-40B4-BE49-F238E27FC236}">
                <a16:creationId xmlns:a16="http://schemas.microsoft.com/office/drawing/2014/main" id="{8937A0AD-FEFD-45EB-B4D0-1E2ED999056C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 b="1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79283988"/>
      </p:ext>
    </p:extLst>
  </p:cSld>
  <p:clrMapOvr>
    <a:masterClrMapping/>
  </p:clrMapOvr>
</p:sldLayout>
</file>

<file path=ppt/slideLayouts/slideLayout8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346214CE-CAE1-433D-A846-FC3342686ED0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 bwMode="white"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0" y="3104303"/>
            <a:ext cx="2091981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6871128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7B7C0264-09E0-4AFB-AB5B-FF66EEB94BB8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8" name="Rectangle">
            <a:extLst>
              <a:ext uri="{FF2B5EF4-FFF2-40B4-BE49-F238E27FC236}">
                <a16:creationId xmlns:a16="http://schemas.microsoft.com/office/drawing/2014/main" id="{5E5CFC51-E8E3-4014-9651-8D053A7542FB}"/>
              </a:ext>
            </a:extLst>
          </p:cNvPr>
          <p:cNvSpPr/>
          <p:nvPr userDrawn="1"/>
        </p:nvSpPr>
        <p:spPr>
          <a:xfrm rot="16200000" flipV="1">
            <a:off x="-1088913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042475B-638B-4105-8E74-AC9550903C9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9137051" y="3104303"/>
            <a:ext cx="2091978" cy="716258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/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Presenter 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6600379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8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dark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54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bg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bg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268617796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light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Footer Placeholder 8" hidden="1">
            <a:extLst>
              <a:ext uri="{FF2B5EF4-FFF2-40B4-BE49-F238E27FC236}">
                <a16:creationId xmlns:a16="http://schemas.microsoft.com/office/drawing/2014/main" id="{6DB35B2F-204D-4092-A860-94E70637BD4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0" hidden="1">
            <a:extLst>
              <a:ext uri="{FF2B5EF4-FFF2-40B4-BE49-F238E27FC236}">
                <a16:creationId xmlns:a16="http://schemas.microsoft.com/office/drawing/2014/main" id="{1BEB41F5-194C-405C-8EDC-8C5E550FE046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9" name="Background">
            <a:extLst>
              <a:ext uri="{FF2B5EF4-FFF2-40B4-BE49-F238E27FC236}">
                <a16:creationId xmlns:a16="http://schemas.microsoft.com/office/drawing/2014/main" id="{F1D09505-09FC-487B-8929-B777E84E1BB6}"/>
              </a:ext>
            </a:extLst>
          </p:cNvPr>
          <p:cNvSpPr/>
          <p:nvPr userDrawn="1"/>
        </p:nvSpPr>
        <p:spPr>
          <a:xfrm>
            <a:off x="0" y="0"/>
            <a:ext cx="3136490" cy="6858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162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4" name="Logo box">
            <a:extLst>
              <a:ext uri="{FF2B5EF4-FFF2-40B4-BE49-F238E27FC236}">
                <a16:creationId xmlns:a16="http://schemas.microsoft.com/office/drawing/2014/main" id="{331BF7C7-D7E3-4939-983C-280038A6202C}"/>
              </a:ext>
            </a:extLst>
          </p:cNvPr>
          <p:cNvSpPr/>
          <p:nvPr userDrawn="1"/>
        </p:nvSpPr>
        <p:spPr>
          <a:xfrm>
            <a:off x="8943975" y="2743200"/>
            <a:ext cx="2505075" cy="1247775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3FF93746-ADFD-4C7A-AAE3-71AF71DB4B12}"/>
              </a:ext>
            </a:extLst>
          </p:cNvPr>
          <p:cNvSpPr/>
          <p:nvPr userDrawn="1"/>
        </p:nvSpPr>
        <p:spPr>
          <a:xfrm>
            <a:off x="10213952" y="3175417"/>
            <a:ext cx="137506" cy="137506"/>
          </a:xfrm>
          <a:prstGeom prst="ellipse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7" name="Picture Placeholder 26">
            <a:extLst>
              <a:ext uri="{FF2B5EF4-FFF2-40B4-BE49-F238E27FC236}">
                <a16:creationId xmlns:a16="http://schemas.microsoft.com/office/drawing/2014/main" id="{4C13C3DE-8254-4AAC-9B8A-CF2D3D66ACCF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200" y="0"/>
            <a:ext cx="12193200" cy="6861600"/>
          </a:xfrm>
          <a:custGeom>
            <a:avLst/>
            <a:gdLst>
              <a:gd name="connsiteX0" fmla="*/ 9351683 w 12193200"/>
              <a:gd name="connsiteY0" fmla="*/ 3277750 h 6861600"/>
              <a:gd name="connsiteX1" fmla="*/ 9414268 w 12193200"/>
              <a:gd name="connsiteY1" fmla="*/ 3293811 h 6861600"/>
              <a:gd name="connsiteX2" fmla="*/ 9460794 w 12193200"/>
              <a:gd name="connsiteY2" fmla="*/ 3341456 h 6861600"/>
              <a:gd name="connsiteX3" fmla="*/ 9478337 w 12193200"/>
              <a:gd name="connsiteY3" fmla="*/ 3418919 h 6861600"/>
              <a:gd name="connsiteX4" fmla="*/ 9460021 w 12193200"/>
              <a:gd name="connsiteY4" fmla="*/ 3496777 h 6861600"/>
              <a:gd name="connsiteX5" fmla="*/ 9412312 w 12193200"/>
              <a:gd name="connsiteY5" fmla="*/ 3544864 h 6861600"/>
              <a:gd name="connsiteX6" fmla="*/ 9349348 w 12193200"/>
              <a:gd name="connsiteY6" fmla="*/ 3560893 h 6861600"/>
              <a:gd name="connsiteX7" fmla="*/ 9261945 w 12193200"/>
              <a:gd name="connsiteY7" fmla="*/ 3523866 h 6861600"/>
              <a:gd name="connsiteX8" fmla="*/ 9227236 w 12193200"/>
              <a:gd name="connsiteY8" fmla="*/ 3418919 h 6861600"/>
              <a:gd name="connsiteX9" fmla="*/ 9244007 w 12193200"/>
              <a:gd name="connsiteY9" fmla="*/ 3341456 h 6861600"/>
              <a:gd name="connsiteX10" fmla="*/ 9289459 w 12193200"/>
              <a:gd name="connsiteY10" fmla="*/ 3293748 h 6861600"/>
              <a:gd name="connsiteX11" fmla="*/ 9351683 w 12193200"/>
              <a:gd name="connsiteY11" fmla="*/ 3277750 h 6861600"/>
              <a:gd name="connsiteX12" fmla="*/ 11156040 w 12193200"/>
              <a:gd name="connsiteY12" fmla="*/ 3209012 h 6861600"/>
              <a:gd name="connsiteX13" fmla="*/ 11143608 w 12193200"/>
              <a:gd name="connsiteY13" fmla="*/ 3217563 h 6861600"/>
              <a:gd name="connsiteX14" fmla="*/ 11024005 w 12193200"/>
              <a:gd name="connsiteY14" fmla="*/ 3529609 h 6861600"/>
              <a:gd name="connsiteX15" fmla="*/ 10908836 w 12193200"/>
              <a:gd name="connsiteY15" fmla="*/ 3217799 h 6861600"/>
              <a:gd name="connsiteX16" fmla="*/ 10896357 w 12193200"/>
              <a:gd name="connsiteY16" fmla="*/ 3209091 h 6861600"/>
              <a:gd name="connsiteX17" fmla="*/ 10828375 w 12193200"/>
              <a:gd name="connsiteY17" fmla="*/ 3209091 h 6861600"/>
              <a:gd name="connsiteX18" fmla="*/ 10815135 w 12193200"/>
              <a:gd name="connsiteY18" fmla="*/ 3222482 h 6861600"/>
              <a:gd name="connsiteX19" fmla="*/ 10816053 w 12193200"/>
              <a:gd name="connsiteY19" fmla="*/ 3227265 h 6861600"/>
              <a:gd name="connsiteX20" fmla="*/ 10974719 w 12193200"/>
              <a:gd name="connsiteY20" fmla="*/ 3629569 h 6861600"/>
              <a:gd name="connsiteX21" fmla="*/ 10968787 w 12193200"/>
              <a:gd name="connsiteY21" fmla="*/ 3649543 h 6861600"/>
              <a:gd name="connsiteX22" fmla="*/ 10862405 w 12193200"/>
              <a:gd name="connsiteY22" fmla="*/ 3735999 h 6861600"/>
              <a:gd name="connsiteX23" fmla="*/ 10850257 w 12193200"/>
              <a:gd name="connsiteY23" fmla="*/ 3750403 h 6861600"/>
              <a:gd name="connsiteX24" fmla="*/ 10849610 w 12193200"/>
              <a:gd name="connsiteY24" fmla="*/ 3806552 h 6861600"/>
              <a:gd name="connsiteX25" fmla="*/ 10864078 w 12193200"/>
              <a:gd name="connsiteY25" fmla="*/ 3820483 h 6861600"/>
              <a:gd name="connsiteX26" fmla="*/ 10883846 w 12193200"/>
              <a:gd name="connsiteY26" fmla="*/ 3819078 h 6861600"/>
              <a:gd name="connsiteX27" fmla="*/ 11028044 w 12193200"/>
              <a:gd name="connsiteY27" fmla="*/ 3707064 h 6861600"/>
              <a:gd name="connsiteX28" fmla="*/ 11045761 w 12193200"/>
              <a:gd name="connsiteY28" fmla="*/ 3664830 h 6861600"/>
              <a:gd name="connsiteX29" fmla="*/ 11229259 w 12193200"/>
              <a:gd name="connsiteY29" fmla="*/ 3227455 h 6861600"/>
              <a:gd name="connsiteX30" fmla="*/ 11222098 w 12193200"/>
              <a:gd name="connsiteY30" fmla="*/ 3210039 h 6861600"/>
              <a:gd name="connsiteX31" fmla="*/ 11216969 w 12193200"/>
              <a:gd name="connsiteY31" fmla="*/ 3209012 h 6861600"/>
              <a:gd name="connsiteX32" fmla="*/ 9811429 w 12193200"/>
              <a:gd name="connsiteY32" fmla="*/ 3202118 h 6861600"/>
              <a:gd name="connsiteX33" fmla="*/ 9726267 w 12193200"/>
              <a:gd name="connsiteY33" fmla="*/ 3218178 h 6861600"/>
              <a:gd name="connsiteX34" fmla="*/ 9669471 w 12193200"/>
              <a:gd name="connsiteY34" fmla="*/ 3262069 h 6861600"/>
              <a:gd name="connsiteX35" fmla="*/ 9649656 w 12193200"/>
              <a:gd name="connsiteY35" fmla="*/ 3323251 h 6861600"/>
              <a:gd name="connsiteX36" fmla="*/ 9671428 w 12193200"/>
              <a:gd name="connsiteY36" fmla="*/ 3389655 h 6861600"/>
              <a:gd name="connsiteX37" fmla="*/ 9722923 w 12193200"/>
              <a:gd name="connsiteY37" fmla="*/ 3427045 h 6861600"/>
              <a:gd name="connsiteX38" fmla="*/ 9800039 w 12193200"/>
              <a:gd name="connsiteY38" fmla="*/ 3452288 h 6861600"/>
              <a:gd name="connsiteX39" fmla="*/ 9871381 w 12193200"/>
              <a:gd name="connsiteY39" fmla="*/ 3477530 h 6861600"/>
              <a:gd name="connsiteX40" fmla="*/ 9893894 w 12193200"/>
              <a:gd name="connsiteY40" fmla="*/ 3512649 h 6861600"/>
              <a:gd name="connsiteX41" fmla="*/ 9873684 w 12193200"/>
              <a:gd name="connsiteY41" fmla="*/ 3548936 h 6861600"/>
              <a:gd name="connsiteX42" fmla="*/ 9816809 w 12193200"/>
              <a:gd name="connsiteY42" fmla="*/ 3563056 h 6861600"/>
              <a:gd name="connsiteX43" fmla="*/ 9758436 w 12193200"/>
              <a:gd name="connsiteY43" fmla="*/ 3545102 h 6861600"/>
              <a:gd name="connsiteX44" fmla="*/ 9734503 w 12193200"/>
              <a:gd name="connsiteY44" fmla="*/ 3510393 h 6861600"/>
              <a:gd name="connsiteX45" fmla="*/ 9721755 w 12193200"/>
              <a:gd name="connsiteY45" fmla="*/ 3500533 h 6861600"/>
              <a:gd name="connsiteX46" fmla="*/ 9657592 w 12193200"/>
              <a:gd name="connsiteY46" fmla="*/ 3500533 h 6861600"/>
              <a:gd name="connsiteX47" fmla="*/ 9655534 w 12193200"/>
              <a:gd name="connsiteY47" fmla="*/ 3500697 h 6861600"/>
              <a:gd name="connsiteX48" fmla="*/ 9644355 w 12193200"/>
              <a:gd name="connsiteY48" fmla="*/ 3516073 h 6861600"/>
              <a:gd name="connsiteX49" fmla="*/ 9667215 w 12193200"/>
              <a:gd name="connsiteY49" fmla="*/ 3569619 h 6861600"/>
              <a:gd name="connsiteX50" fmla="*/ 9729375 w 12193200"/>
              <a:gd name="connsiteY50" fmla="*/ 3618526 h 6861600"/>
              <a:gd name="connsiteX51" fmla="*/ 9818245 w 12193200"/>
              <a:gd name="connsiteY51" fmla="*/ 3636448 h 6861600"/>
              <a:gd name="connsiteX52" fmla="*/ 9903439 w 12193200"/>
              <a:gd name="connsiteY52" fmla="*/ 3620435 h 6861600"/>
              <a:gd name="connsiteX53" fmla="*/ 9959462 w 12193200"/>
              <a:gd name="connsiteY53" fmla="*/ 3576166 h 6861600"/>
              <a:gd name="connsiteX54" fmla="*/ 9979309 w 12193200"/>
              <a:gd name="connsiteY54" fmla="*/ 3512034 h 6861600"/>
              <a:gd name="connsiteX55" fmla="*/ 9957221 w 12193200"/>
              <a:gd name="connsiteY55" fmla="*/ 3447145 h 6861600"/>
              <a:gd name="connsiteX56" fmla="*/ 9906484 w 12193200"/>
              <a:gd name="connsiteY56" fmla="*/ 3410133 h 6861600"/>
              <a:gd name="connsiteX57" fmla="*/ 9831292 w 12193200"/>
              <a:gd name="connsiteY57" fmla="*/ 3385348 h 6861600"/>
              <a:gd name="connsiteX58" fmla="*/ 9779387 w 12193200"/>
              <a:gd name="connsiteY58" fmla="*/ 3368908 h 6861600"/>
              <a:gd name="connsiteX59" fmla="*/ 9750595 w 12193200"/>
              <a:gd name="connsiteY59" fmla="*/ 3351901 h 6861600"/>
              <a:gd name="connsiteX60" fmla="*/ 9737453 w 12193200"/>
              <a:gd name="connsiteY60" fmla="*/ 3325207 h 6861600"/>
              <a:gd name="connsiteX61" fmla="*/ 9755722 w 12193200"/>
              <a:gd name="connsiteY61" fmla="*/ 3288479 h 6861600"/>
              <a:gd name="connsiteX62" fmla="*/ 9808385 w 12193200"/>
              <a:gd name="connsiteY62" fmla="*/ 3275511 h 6861600"/>
              <a:gd name="connsiteX63" fmla="*/ 9864108 w 12193200"/>
              <a:gd name="connsiteY63" fmla="*/ 3292281 h 6861600"/>
              <a:gd name="connsiteX64" fmla="*/ 9885485 w 12193200"/>
              <a:gd name="connsiteY64" fmla="*/ 3326990 h 6861600"/>
              <a:gd name="connsiteX65" fmla="*/ 9898343 w 12193200"/>
              <a:gd name="connsiteY65" fmla="*/ 3337229 h 6861600"/>
              <a:gd name="connsiteX66" fmla="*/ 9959367 w 12193200"/>
              <a:gd name="connsiteY66" fmla="*/ 3337229 h 6861600"/>
              <a:gd name="connsiteX67" fmla="*/ 9961145 w 12193200"/>
              <a:gd name="connsiteY67" fmla="*/ 3337108 h 6861600"/>
              <a:gd name="connsiteX68" fmla="*/ 9972635 w 12193200"/>
              <a:gd name="connsiteY68" fmla="*/ 3322020 h 6861600"/>
              <a:gd name="connsiteX69" fmla="*/ 9927072 w 12193200"/>
              <a:gd name="connsiteY69" fmla="*/ 3238404 h 6861600"/>
              <a:gd name="connsiteX70" fmla="*/ 9811429 w 12193200"/>
              <a:gd name="connsiteY70" fmla="*/ 3202118 h 6861600"/>
              <a:gd name="connsiteX71" fmla="*/ 10596727 w 12193200"/>
              <a:gd name="connsiteY71" fmla="*/ 3202054 h 6861600"/>
              <a:gd name="connsiteX72" fmla="*/ 10526142 w 12193200"/>
              <a:gd name="connsiteY72" fmla="*/ 3216569 h 6861600"/>
              <a:gd name="connsiteX73" fmla="*/ 10471571 w 12193200"/>
              <a:gd name="connsiteY73" fmla="*/ 3257036 h 6861600"/>
              <a:gd name="connsiteX74" fmla="*/ 10471571 w 12193200"/>
              <a:gd name="connsiteY74" fmla="*/ 3222327 h 6861600"/>
              <a:gd name="connsiteX75" fmla="*/ 10471571 w 12193200"/>
              <a:gd name="connsiteY75" fmla="*/ 3222311 h 6861600"/>
              <a:gd name="connsiteX76" fmla="*/ 10458255 w 12193200"/>
              <a:gd name="connsiteY76" fmla="*/ 3209027 h 6861600"/>
              <a:gd name="connsiteX77" fmla="*/ 10397846 w 12193200"/>
              <a:gd name="connsiteY77" fmla="*/ 3209027 h 6861600"/>
              <a:gd name="connsiteX78" fmla="*/ 10397831 w 12193200"/>
              <a:gd name="connsiteY78" fmla="*/ 3209027 h 6861600"/>
              <a:gd name="connsiteX79" fmla="*/ 10384531 w 12193200"/>
              <a:gd name="connsiteY79" fmla="*/ 3222327 h 6861600"/>
              <a:gd name="connsiteX80" fmla="*/ 10384531 w 12193200"/>
              <a:gd name="connsiteY80" fmla="*/ 3616270 h 6861600"/>
              <a:gd name="connsiteX81" fmla="*/ 10384531 w 12193200"/>
              <a:gd name="connsiteY81" fmla="*/ 3616285 h 6861600"/>
              <a:gd name="connsiteX82" fmla="*/ 10397846 w 12193200"/>
              <a:gd name="connsiteY82" fmla="*/ 3629569 h 6861600"/>
              <a:gd name="connsiteX83" fmla="*/ 10458255 w 12193200"/>
              <a:gd name="connsiteY83" fmla="*/ 3629569 h 6861600"/>
              <a:gd name="connsiteX84" fmla="*/ 10471571 w 12193200"/>
              <a:gd name="connsiteY84" fmla="*/ 3616285 h 6861600"/>
              <a:gd name="connsiteX85" fmla="*/ 10471571 w 12193200"/>
              <a:gd name="connsiteY85" fmla="*/ 3394497 h 6861600"/>
              <a:gd name="connsiteX86" fmla="*/ 10500174 w 12193200"/>
              <a:gd name="connsiteY86" fmla="*/ 3307915 h 6861600"/>
              <a:gd name="connsiteX87" fmla="*/ 10577668 w 12193200"/>
              <a:gd name="connsiteY87" fmla="*/ 3277750 h 6861600"/>
              <a:gd name="connsiteX88" fmla="*/ 10654753 w 12193200"/>
              <a:gd name="connsiteY88" fmla="*/ 3307852 h 6861600"/>
              <a:gd name="connsiteX89" fmla="*/ 10682978 w 12193200"/>
              <a:gd name="connsiteY89" fmla="*/ 3394497 h 6861600"/>
              <a:gd name="connsiteX90" fmla="*/ 10682978 w 12193200"/>
              <a:gd name="connsiteY90" fmla="*/ 3616270 h 6861600"/>
              <a:gd name="connsiteX91" fmla="*/ 10682978 w 12193200"/>
              <a:gd name="connsiteY91" fmla="*/ 3616285 h 6861600"/>
              <a:gd name="connsiteX92" fmla="*/ 10696293 w 12193200"/>
              <a:gd name="connsiteY92" fmla="*/ 3629569 h 6861600"/>
              <a:gd name="connsiteX93" fmla="*/ 10755960 w 12193200"/>
              <a:gd name="connsiteY93" fmla="*/ 3629569 h 6861600"/>
              <a:gd name="connsiteX94" fmla="*/ 10755992 w 12193200"/>
              <a:gd name="connsiteY94" fmla="*/ 3629569 h 6861600"/>
              <a:gd name="connsiteX95" fmla="*/ 10769276 w 12193200"/>
              <a:gd name="connsiteY95" fmla="*/ 3616285 h 6861600"/>
              <a:gd name="connsiteX96" fmla="*/ 10769276 w 12193200"/>
              <a:gd name="connsiteY96" fmla="*/ 3381529 h 6861600"/>
              <a:gd name="connsiteX97" fmla="*/ 10747188 w 12193200"/>
              <a:gd name="connsiteY97" fmla="*/ 3283809 h 6861600"/>
              <a:gd name="connsiteX98" fmla="*/ 10685659 w 12193200"/>
              <a:gd name="connsiteY98" fmla="*/ 3222753 h 6861600"/>
              <a:gd name="connsiteX99" fmla="*/ 10596727 w 12193200"/>
              <a:gd name="connsiteY99" fmla="*/ 3202054 h 6861600"/>
              <a:gd name="connsiteX100" fmla="*/ 10282670 w 12193200"/>
              <a:gd name="connsiteY100" fmla="*/ 3189339 h 6861600"/>
              <a:gd name="connsiteX101" fmla="*/ 10227657 w 12193200"/>
              <a:gd name="connsiteY101" fmla="*/ 3244352 h 6861600"/>
              <a:gd name="connsiteX102" fmla="*/ 10282670 w 12193200"/>
              <a:gd name="connsiteY102" fmla="*/ 3299365 h 6861600"/>
              <a:gd name="connsiteX103" fmla="*/ 10337683 w 12193200"/>
              <a:gd name="connsiteY103" fmla="*/ 3244352 h 6861600"/>
              <a:gd name="connsiteX104" fmla="*/ 10282670 w 12193200"/>
              <a:gd name="connsiteY104" fmla="*/ 3189339 h 6861600"/>
              <a:gd name="connsiteX105" fmla="*/ 10110097 w 12193200"/>
              <a:gd name="connsiteY105" fmla="*/ 3104444 h 6861600"/>
              <a:gd name="connsiteX106" fmla="*/ 10096813 w 12193200"/>
              <a:gd name="connsiteY106" fmla="*/ 3117759 h 6861600"/>
              <a:gd name="connsiteX107" fmla="*/ 10096813 w 12193200"/>
              <a:gd name="connsiteY107" fmla="*/ 3195712 h 6861600"/>
              <a:gd name="connsiteX108" fmla="*/ 10083498 w 12193200"/>
              <a:gd name="connsiteY108" fmla="*/ 3209027 h 6861600"/>
              <a:gd name="connsiteX109" fmla="*/ 10031040 w 12193200"/>
              <a:gd name="connsiteY109" fmla="*/ 3209027 h 6861600"/>
              <a:gd name="connsiteX110" fmla="*/ 10031025 w 12193200"/>
              <a:gd name="connsiteY110" fmla="*/ 3209027 h 6861600"/>
              <a:gd name="connsiteX111" fmla="*/ 10017725 w 12193200"/>
              <a:gd name="connsiteY111" fmla="*/ 3222327 h 6861600"/>
              <a:gd name="connsiteX112" fmla="*/ 10017725 w 12193200"/>
              <a:gd name="connsiteY112" fmla="*/ 3266707 h 6861600"/>
              <a:gd name="connsiteX113" fmla="*/ 10031040 w 12193200"/>
              <a:gd name="connsiteY113" fmla="*/ 3279990 h 6861600"/>
              <a:gd name="connsiteX114" fmla="*/ 10083498 w 12193200"/>
              <a:gd name="connsiteY114" fmla="*/ 3279990 h 6861600"/>
              <a:gd name="connsiteX115" fmla="*/ 10096813 w 12193200"/>
              <a:gd name="connsiteY115" fmla="*/ 3293306 h 6861600"/>
              <a:gd name="connsiteX116" fmla="*/ 10096813 w 12193200"/>
              <a:gd name="connsiteY116" fmla="*/ 3512822 h 6861600"/>
              <a:gd name="connsiteX117" fmla="*/ 10128083 w 12193200"/>
              <a:gd name="connsiteY117" fmla="*/ 3602118 h 6861600"/>
              <a:gd name="connsiteX118" fmla="*/ 10218151 w 12193200"/>
              <a:gd name="connsiteY118" fmla="*/ 3629601 h 6861600"/>
              <a:gd name="connsiteX119" fmla="*/ 10273590 w 12193200"/>
              <a:gd name="connsiteY119" fmla="*/ 3629601 h 6861600"/>
              <a:gd name="connsiteX120" fmla="*/ 10273606 w 12193200"/>
              <a:gd name="connsiteY120" fmla="*/ 3629601 h 6861600"/>
              <a:gd name="connsiteX121" fmla="*/ 10286906 w 12193200"/>
              <a:gd name="connsiteY121" fmla="*/ 3616301 h 6861600"/>
              <a:gd name="connsiteX122" fmla="*/ 10286906 w 12193200"/>
              <a:gd name="connsiteY122" fmla="*/ 3570391 h 6861600"/>
              <a:gd name="connsiteX123" fmla="*/ 10286906 w 12193200"/>
              <a:gd name="connsiteY123" fmla="*/ 3570375 h 6861600"/>
              <a:gd name="connsiteX124" fmla="*/ 10273590 w 12193200"/>
              <a:gd name="connsiteY124" fmla="*/ 3557091 h 6861600"/>
              <a:gd name="connsiteX125" fmla="*/ 10233486 w 12193200"/>
              <a:gd name="connsiteY125" fmla="*/ 3557091 h 6861600"/>
              <a:gd name="connsiteX126" fmla="*/ 10195622 w 12193200"/>
              <a:gd name="connsiteY126" fmla="*/ 3546805 h 6861600"/>
              <a:gd name="connsiteX127" fmla="*/ 10184579 w 12193200"/>
              <a:gd name="connsiteY127" fmla="*/ 3512822 h 6861600"/>
              <a:gd name="connsiteX128" fmla="*/ 10184579 w 12193200"/>
              <a:gd name="connsiteY128" fmla="*/ 3117759 h 6861600"/>
              <a:gd name="connsiteX129" fmla="*/ 10171263 w 12193200"/>
              <a:gd name="connsiteY129" fmla="*/ 3104444 h 6861600"/>
              <a:gd name="connsiteX130" fmla="*/ 10110113 w 12193200"/>
              <a:gd name="connsiteY130" fmla="*/ 3104444 h 6861600"/>
              <a:gd name="connsiteX131" fmla="*/ 10110097 w 12193200"/>
              <a:gd name="connsiteY131" fmla="*/ 3104444 h 6861600"/>
              <a:gd name="connsiteX132" fmla="*/ 9493861 w 12193200"/>
              <a:gd name="connsiteY132" fmla="*/ 3104444 h 6861600"/>
              <a:gd name="connsiteX133" fmla="*/ 9480641 w 12193200"/>
              <a:gd name="connsiteY133" fmla="*/ 3117665 h 6861600"/>
              <a:gd name="connsiteX134" fmla="*/ 9480641 w 12193200"/>
              <a:gd name="connsiteY134" fmla="*/ 3240328 h 6861600"/>
              <a:gd name="connsiteX135" fmla="*/ 9462308 w 12193200"/>
              <a:gd name="connsiteY135" fmla="*/ 3228843 h 6861600"/>
              <a:gd name="connsiteX136" fmla="*/ 9353166 w 12193200"/>
              <a:gd name="connsiteY136" fmla="*/ 3202101 h 6861600"/>
              <a:gd name="connsiteX137" fmla="*/ 9243991 w 12193200"/>
              <a:gd name="connsiteY137" fmla="*/ 3228843 h 6861600"/>
              <a:gd name="connsiteX138" fmla="*/ 9166907 w 12193200"/>
              <a:gd name="connsiteY138" fmla="*/ 3305170 h 6861600"/>
              <a:gd name="connsiteX139" fmla="*/ 9138698 w 12193200"/>
              <a:gd name="connsiteY139" fmla="*/ 3418919 h 6861600"/>
              <a:gd name="connsiteX140" fmla="*/ 9166181 w 12193200"/>
              <a:gd name="connsiteY140" fmla="*/ 3533032 h 6861600"/>
              <a:gd name="connsiteX141" fmla="*/ 9241751 w 12193200"/>
              <a:gd name="connsiteY141" fmla="*/ 3609375 h 6861600"/>
              <a:gd name="connsiteX142" fmla="*/ 9349363 w 12193200"/>
              <a:gd name="connsiteY142" fmla="*/ 3636448 h 6861600"/>
              <a:gd name="connsiteX143" fmla="*/ 9459658 w 12193200"/>
              <a:gd name="connsiteY143" fmla="*/ 3609375 h 6861600"/>
              <a:gd name="connsiteX144" fmla="*/ 9538667 w 12193200"/>
              <a:gd name="connsiteY144" fmla="*/ 3532653 h 6861600"/>
              <a:gd name="connsiteX145" fmla="*/ 9567665 w 12193200"/>
              <a:gd name="connsiteY145" fmla="*/ 3380724 h 6861600"/>
              <a:gd name="connsiteX146" fmla="*/ 9567665 w 12193200"/>
              <a:gd name="connsiteY146" fmla="*/ 3117665 h 6861600"/>
              <a:gd name="connsiteX147" fmla="*/ 9554444 w 12193200"/>
              <a:gd name="connsiteY147" fmla="*/ 3104444 h 6861600"/>
              <a:gd name="connsiteX148" fmla="*/ 1412487 w 12193200"/>
              <a:gd name="connsiteY148" fmla="*/ 864356 h 6861600"/>
              <a:gd name="connsiteX149" fmla="*/ 1412487 w 12193200"/>
              <a:gd name="connsiteY149" fmla="*/ 5990756 h 6861600"/>
              <a:gd name="connsiteX150" fmla="*/ 1538487 w 12193200"/>
              <a:gd name="connsiteY150" fmla="*/ 5990756 h 6861600"/>
              <a:gd name="connsiteX151" fmla="*/ 1538487 w 12193200"/>
              <a:gd name="connsiteY151" fmla="*/ 864356 h 6861600"/>
              <a:gd name="connsiteX152" fmla="*/ 0 w 12193200"/>
              <a:gd name="connsiteY152" fmla="*/ 0 h 6861600"/>
              <a:gd name="connsiteX153" fmla="*/ 12193200 w 12193200"/>
              <a:gd name="connsiteY153" fmla="*/ 0 h 6861600"/>
              <a:gd name="connsiteX154" fmla="*/ 12193200 w 12193200"/>
              <a:gd name="connsiteY154" fmla="*/ 6861600 h 6861600"/>
              <a:gd name="connsiteX155" fmla="*/ 0 w 12193200"/>
              <a:gd name="connsiteY155" fmla="*/ 6861600 h 68616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</a:cxnLst>
            <a:rect l="l" t="t" r="r" b="b"/>
            <a:pathLst>
              <a:path w="12193200" h="6861600">
                <a:moveTo>
                  <a:pt x="9351683" y="3277750"/>
                </a:moveTo>
                <a:cubicBezTo>
                  <a:pt x="9373579" y="3277629"/>
                  <a:pt x="9395136" y="3283160"/>
                  <a:pt x="9414268" y="3293811"/>
                </a:cubicBezTo>
                <a:cubicBezTo>
                  <a:pt x="9433547" y="3304455"/>
                  <a:pt x="9449056" y="3320337"/>
                  <a:pt x="9460794" y="3341456"/>
                </a:cubicBezTo>
                <a:cubicBezTo>
                  <a:pt x="9472532" y="3362576"/>
                  <a:pt x="9478380" y="3388397"/>
                  <a:pt x="9478337" y="3418919"/>
                </a:cubicBezTo>
                <a:cubicBezTo>
                  <a:pt x="9478337" y="3449452"/>
                  <a:pt x="9472232" y="3475405"/>
                  <a:pt x="9460021" y="3496777"/>
                </a:cubicBezTo>
                <a:cubicBezTo>
                  <a:pt x="9447810" y="3518159"/>
                  <a:pt x="9431907" y="3534188"/>
                  <a:pt x="9412312" y="3544864"/>
                </a:cubicBezTo>
                <a:cubicBezTo>
                  <a:pt x="9393027" y="3555469"/>
                  <a:pt x="9371356" y="3560986"/>
                  <a:pt x="9349348" y="3560893"/>
                </a:cubicBezTo>
                <a:cubicBezTo>
                  <a:pt x="9314229" y="3560893"/>
                  <a:pt x="9285094" y="3548551"/>
                  <a:pt x="9261945" y="3523866"/>
                </a:cubicBezTo>
                <a:cubicBezTo>
                  <a:pt x="9238796" y="3499180"/>
                  <a:pt x="9227225" y="3464198"/>
                  <a:pt x="9227236" y="3418919"/>
                </a:cubicBezTo>
                <a:cubicBezTo>
                  <a:pt x="9227236" y="3388418"/>
                  <a:pt x="9232826" y="3362597"/>
                  <a:pt x="9244007" y="3341456"/>
                </a:cubicBezTo>
                <a:cubicBezTo>
                  <a:pt x="9255188" y="3320315"/>
                  <a:pt x="9270338" y="3304413"/>
                  <a:pt x="9289459" y="3293748"/>
                </a:cubicBezTo>
                <a:cubicBezTo>
                  <a:pt x="9308448" y="3283075"/>
                  <a:pt x="9329901" y="3277559"/>
                  <a:pt x="9351683" y="3277750"/>
                </a:cubicBezTo>
                <a:close/>
                <a:moveTo>
                  <a:pt x="11156040" y="3209012"/>
                </a:moveTo>
                <a:cubicBezTo>
                  <a:pt x="11150524" y="3209013"/>
                  <a:pt x="11145581" y="3212413"/>
                  <a:pt x="11143608" y="3217563"/>
                </a:cubicBezTo>
                <a:lnTo>
                  <a:pt x="11024005" y="3529609"/>
                </a:lnTo>
                <a:lnTo>
                  <a:pt x="10908836" y="3217799"/>
                </a:lnTo>
                <a:cubicBezTo>
                  <a:pt x="10906908" y="3212571"/>
                  <a:pt x="10901929" y="3209097"/>
                  <a:pt x="10896357" y="3209091"/>
                </a:cubicBezTo>
                <a:lnTo>
                  <a:pt x="10828375" y="3209091"/>
                </a:lnTo>
                <a:cubicBezTo>
                  <a:pt x="10821022" y="3209132"/>
                  <a:pt x="10815094" y="3215128"/>
                  <a:pt x="10815135" y="3222482"/>
                </a:cubicBezTo>
                <a:cubicBezTo>
                  <a:pt x="10815145" y="3224119"/>
                  <a:pt x="10815455" y="3225741"/>
                  <a:pt x="10816053" y="3227265"/>
                </a:cubicBezTo>
                <a:lnTo>
                  <a:pt x="10974719" y="3629569"/>
                </a:lnTo>
                <a:cubicBezTo>
                  <a:pt x="10973416" y="3636409"/>
                  <a:pt x="10971428" y="3643101"/>
                  <a:pt x="10968787" y="3649543"/>
                </a:cubicBezTo>
                <a:cubicBezTo>
                  <a:pt x="10950392" y="3695532"/>
                  <a:pt x="10916724" y="3729798"/>
                  <a:pt x="10862405" y="3735999"/>
                </a:cubicBezTo>
                <a:cubicBezTo>
                  <a:pt x="10855295" y="3737034"/>
                  <a:pt x="10850079" y="3743220"/>
                  <a:pt x="10850257" y="3750403"/>
                </a:cubicBezTo>
                <a:cubicBezTo>
                  <a:pt x="10850257" y="3756193"/>
                  <a:pt x="10849610" y="3796723"/>
                  <a:pt x="10849610" y="3806552"/>
                </a:cubicBezTo>
                <a:cubicBezTo>
                  <a:pt x="10849610" y="3816381"/>
                  <a:pt x="10854738" y="3820483"/>
                  <a:pt x="10864078" y="3820483"/>
                </a:cubicBezTo>
                <a:cubicBezTo>
                  <a:pt x="10870694" y="3820541"/>
                  <a:pt x="10877305" y="3820072"/>
                  <a:pt x="10883846" y="3819078"/>
                </a:cubicBezTo>
                <a:cubicBezTo>
                  <a:pt x="10959810" y="3806457"/>
                  <a:pt x="11002391" y="3766290"/>
                  <a:pt x="11028044" y="3707064"/>
                </a:cubicBezTo>
                <a:cubicBezTo>
                  <a:pt x="11035080" y="3690830"/>
                  <a:pt x="11040176" y="3678319"/>
                  <a:pt x="11045761" y="3664830"/>
                </a:cubicBezTo>
                <a:lnTo>
                  <a:pt x="11229259" y="3227455"/>
                </a:lnTo>
                <a:cubicBezTo>
                  <a:pt x="11232091" y="3220668"/>
                  <a:pt x="11228885" y="3212870"/>
                  <a:pt x="11222098" y="3210039"/>
                </a:cubicBezTo>
                <a:cubicBezTo>
                  <a:pt x="11220473" y="3209361"/>
                  <a:pt x="11218730" y="3209012"/>
                  <a:pt x="11216969" y="3209012"/>
                </a:cubicBezTo>
                <a:close/>
                <a:moveTo>
                  <a:pt x="9811429" y="3202118"/>
                </a:moveTo>
                <a:cubicBezTo>
                  <a:pt x="9779298" y="3202128"/>
                  <a:pt x="9750910" y="3207482"/>
                  <a:pt x="9726267" y="3218178"/>
                </a:cubicBezTo>
                <a:cubicBezTo>
                  <a:pt x="9701624" y="3228875"/>
                  <a:pt x="9682692" y="3243505"/>
                  <a:pt x="9669471" y="3262069"/>
                </a:cubicBezTo>
                <a:cubicBezTo>
                  <a:pt x="9656536" y="3279841"/>
                  <a:pt x="9649596" y="3301270"/>
                  <a:pt x="9649656" y="3323251"/>
                </a:cubicBezTo>
                <a:cubicBezTo>
                  <a:pt x="9649656" y="3350692"/>
                  <a:pt x="9656913" y="3372826"/>
                  <a:pt x="9671428" y="3389655"/>
                </a:cubicBezTo>
                <a:cubicBezTo>
                  <a:pt x="9685354" y="3406059"/>
                  <a:pt x="9703013" y="3418881"/>
                  <a:pt x="9722923" y="3427045"/>
                </a:cubicBezTo>
                <a:cubicBezTo>
                  <a:pt x="9742780" y="3435249"/>
                  <a:pt x="9768485" y="3443663"/>
                  <a:pt x="9800039" y="3452288"/>
                </a:cubicBezTo>
                <a:cubicBezTo>
                  <a:pt x="9832591" y="3461480"/>
                  <a:pt x="9856372" y="3469895"/>
                  <a:pt x="9871381" y="3477530"/>
                </a:cubicBezTo>
                <a:cubicBezTo>
                  <a:pt x="9886389" y="3485166"/>
                  <a:pt x="9893894" y="3496873"/>
                  <a:pt x="9893894" y="3512649"/>
                </a:cubicBezTo>
                <a:cubicBezTo>
                  <a:pt x="9893894" y="3527427"/>
                  <a:pt x="9887157" y="3539522"/>
                  <a:pt x="9873684" y="3548936"/>
                </a:cubicBezTo>
                <a:cubicBezTo>
                  <a:pt x="9860211" y="3558349"/>
                  <a:pt x="9841252" y="3563056"/>
                  <a:pt x="9816809" y="3563056"/>
                </a:cubicBezTo>
                <a:cubicBezTo>
                  <a:pt x="9793418" y="3563076"/>
                  <a:pt x="9773960" y="3557092"/>
                  <a:pt x="9758436" y="3545102"/>
                </a:cubicBezTo>
                <a:cubicBezTo>
                  <a:pt x="9745857" y="3535467"/>
                  <a:pt x="9737879" y="3523898"/>
                  <a:pt x="9734503" y="3510393"/>
                </a:cubicBezTo>
                <a:cubicBezTo>
                  <a:pt x="9733009" y="3504578"/>
                  <a:pt x="9727759" y="3500517"/>
                  <a:pt x="9721755" y="3500533"/>
                </a:cubicBezTo>
                <a:lnTo>
                  <a:pt x="9657592" y="3500533"/>
                </a:lnTo>
                <a:cubicBezTo>
                  <a:pt x="9656902" y="3500534"/>
                  <a:pt x="9656214" y="3500590"/>
                  <a:pt x="9655534" y="3500697"/>
                </a:cubicBezTo>
                <a:cubicBezTo>
                  <a:pt x="9648201" y="3501856"/>
                  <a:pt x="9643195" y="3508740"/>
                  <a:pt x="9644355" y="3516073"/>
                </a:cubicBezTo>
                <a:cubicBezTo>
                  <a:pt x="9647543" y="3535505"/>
                  <a:pt x="9655386" y="3553877"/>
                  <a:pt x="9667215" y="3569619"/>
                </a:cubicBezTo>
                <a:cubicBezTo>
                  <a:pt x="9682455" y="3590275"/>
                  <a:pt x="9703175" y="3606579"/>
                  <a:pt x="9729375" y="3618526"/>
                </a:cubicBezTo>
                <a:cubicBezTo>
                  <a:pt x="9755585" y="3630474"/>
                  <a:pt x="9785209" y="3636448"/>
                  <a:pt x="9818245" y="3636448"/>
                </a:cubicBezTo>
                <a:cubicBezTo>
                  <a:pt x="9850892" y="3636512"/>
                  <a:pt x="9879290" y="3631174"/>
                  <a:pt x="9903439" y="3620435"/>
                </a:cubicBezTo>
                <a:cubicBezTo>
                  <a:pt x="9927588" y="3609696"/>
                  <a:pt x="9946262" y="3594940"/>
                  <a:pt x="9959462" y="3576166"/>
                </a:cubicBezTo>
                <a:cubicBezTo>
                  <a:pt x="9972676" y="3557417"/>
                  <a:pt x="9979622" y="3534970"/>
                  <a:pt x="9979309" y="3512034"/>
                </a:cubicBezTo>
                <a:cubicBezTo>
                  <a:pt x="9978846" y="3485088"/>
                  <a:pt x="9971483" y="3463458"/>
                  <a:pt x="9957221" y="3447145"/>
                </a:cubicBezTo>
                <a:cubicBezTo>
                  <a:pt x="9943320" y="3431135"/>
                  <a:pt x="9925974" y="3418481"/>
                  <a:pt x="9906484" y="3410133"/>
                </a:cubicBezTo>
                <a:cubicBezTo>
                  <a:pt x="9886857" y="3401729"/>
                  <a:pt x="9861794" y="3393467"/>
                  <a:pt x="9831292" y="3385348"/>
                </a:cubicBezTo>
                <a:cubicBezTo>
                  <a:pt x="9808395" y="3378742"/>
                  <a:pt x="9791093" y="3373263"/>
                  <a:pt x="9779387" y="3368908"/>
                </a:cubicBezTo>
                <a:cubicBezTo>
                  <a:pt x="9768779" y="3365157"/>
                  <a:pt x="9759000" y="3359381"/>
                  <a:pt x="9750595" y="3351901"/>
                </a:cubicBezTo>
                <a:cubicBezTo>
                  <a:pt x="9742833" y="3345109"/>
                  <a:pt x="9738103" y="3335500"/>
                  <a:pt x="9737453" y="3325207"/>
                </a:cubicBezTo>
                <a:cubicBezTo>
                  <a:pt x="9736717" y="3309799"/>
                  <a:pt x="9742806" y="3297556"/>
                  <a:pt x="9755722" y="3288479"/>
                </a:cubicBezTo>
                <a:cubicBezTo>
                  <a:pt x="9767944" y="3279834"/>
                  <a:pt x="9785498" y="3275511"/>
                  <a:pt x="9808385" y="3275511"/>
                </a:cubicBezTo>
                <a:cubicBezTo>
                  <a:pt x="9831860" y="3275500"/>
                  <a:pt x="9850434" y="3281090"/>
                  <a:pt x="9864108" y="3292281"/>
                </a:cubicBezTo>
                <a:cubicBezTo>
                  <a:pt x="9875036" y="3301028"/>
                  <a:pt x="9882591" y="3313295"/>
                  <a:pt x="9885485" y="3326990"/>
                </a:cubicBezTo>
                <a:cubicBezTo>
                  <a:pt x="9886839" y="3332996"/>
                  <a:pt x="9892186" y="3337254"/>
                  <a:pt x="9898343" y="3337229"/>
                </a:cubicBezTo>
                <a:lnTo>
                  <a:pt x="9959367" y="3337229"/>
                </a:lnTo>
                <a:cubicBezTo>
                  <a:pt x="9959962" y="3337228"/>
                  <a:pt x="9960555" y="3337188"/>
                  <a:pt x="9961145" y="3337108"/>
                </a:cubicBezTo>
                <a:cubicBezTo>
                  <a:pt x="9968484" y="3336114"/>
                  <a:pt x="9973628" y="3329360"/>
                  <a:pt x="9972635" y="3322020"/>
                </a:cubicBezTo>
                <a:cubicBezTo>
                  <a:pt x="9967870" y="3287427"/>
                  <a:pt x="9952683" y="3259555"/>
                  <a:pt x="9927072" y="3238404"/>
                </a:cubicBezTo>
                <a:cubicBezTo>
                  <a:pt x="9897812" y="3214213"/>
                  <a:pt x="9859264" y="3202118"/>
                  <a:pt x="9811429" y="3202118"/>
                </a:cubicBezTo>
                <a:close/>
                <a:moveTo>
                  <a:pt x="10596727" y="3202054"/>
                </a:moveTo>
                <a:cubicBezTo>
                  <a:pt x="10572445" y="3201931"/>
                  <a:pt x="10548404" y="3206874"/>
                  <a:pt x="10526142" y="3216569"/>
                </a:cubicBezTo>
                <a:cubicBezTo>
                  <a:pt x="10503981" y="3226245"/>
                  <a:pt x="10485790" y="3239734"/>
                  <a:pt x="10471571" y="3257036"/>
                </a:cubicBezTo>
                <a:lnTo>
                  <a:pt x="10471571" y="3222327"/>
                </a:lnTo>
                <a:cubicBezTo>
                  <a:pt x="10471571" y="3222322"/>
                  <a:pt x="10471571" y="3222317"/>
                  <a:pt x="10471571" y="3222311"/>
                </a:cubicBezTo>
                <a:cubicBezTo>
                  <a:pt x="10471561" y="3214966"/>
                  <a:pt x="10465601" y="3209019"/>
                  <a:pt x="10458255" y="3209027"/>
                </a:cubicBezTo>
                <a:lnTo>
                  <a:pt x="10397846" y="3209027"/>
                </a:lnTo>
                <a:cubicBezTo>
                  <a:pt x="10397842" y="3209027"/>
                  <a:pt x="10397835" y="3209027"/>
                  <a:pt x="10397831" y="3209027"/>
                </a:cubicBezTo>
                <a:cubicBezTo>
                  <a:pt x="10390485" y="3209027"/>
                  <a:pt x="10384531" y="3214982"/>
                  <a:pt x="10384531" y="3222327"/>
                </a:cubicBezTo>
                <a:lnTo>
                  <a:pt x="10384531" y="3616270"/>
                </a:lnTo>
                <a:cubicBezTo>
                  <a:pt x="10384531" y="3616274"/>
                  <a:pt x="10384531" y="3616281"/>
                  <a:pt x="10384531" y="3616285"/>
                </a:cubicBezTo>
                <a:cubicBezTo>
                  <a:pt x="10384540" y="3623631"/>
                  <a:pt x="10390501" y="3629579"/>
                  <a:pt x="10397846" y="3629569"/>
                </a:cubicBezTo>
                <a:lnTo>
                  <a:pt x="10458255" y="3629569"/>
                </a:lnTo>
                <a:cubicBezTo>
                  <a:pt x="10465601" y="3629579"/>
                  <a:pt x="10471561" y="3623631"/>
                  <a:pt x="10471571" y="3616285"/>
                </a:cubicBezTo>
                <a:lnTo>
                  <a:pt x="10471571" y="3394497"/>
                </a:lnTo>
                <a:cubicBezTo>
                  <a:pt x="10471582" y="3356886"/>
                  <a:pt x="10481116" y="3328025"/>
                  <a:pt x="10500174" y="3307915"/>
                </a:cubicBezTo>
                <a:cubicBezTo>
                  <a:pt x="10519232" y="3287805"/>
                  <a:pt x="10545063" y="3277750"/>
                  <a:pt x="10577668" y="3277750"/>
                </a:cubicBezTo>
                <a:cubicBezTo>
                  <a:pt x="10610242" y="3277729"/>
                  <a:pt x="10635936" y="3287763"/>
                  <a:pt x="10654753" y="3307852"/>
                </a:cubicBezTo>
                <a:cubicBezTo>
                  <a:pt x="10673570" y="3327941"/>
                  <a:pt x="10682978" y="3356823"/>
                  <a:pt x="10682978" y="3394497"/>
                </a:cubicBezTo>
                <a:lnTo>
                  <a:pt x="10682978" y="3616270"/>
                </a:lnTo>
                <a:cubicBezTo>
                  <a:pt x="10682978" y="3616274"/>
                  <a:pt x="10682978" y="3616281"/>
                  <a:pt x="10682978" y="3616285"/>
                </a:cubicBezTo>
                <a:cubicBezTo>
                  <a:pt x="10682987" y="3623631"/>
                  <a:pt x="10688947" y="3629579"/>
                  <a:pt x="10696293" y="3629569"/>
                </a:cubicBezTo>
                <a:lnTo>
                  <a:pt x="10755960" y="3629569"/>
                </a:lnTo>
                <a:cubicBezTo>
                  <a:pt x="10755971" y="3629569"/>
                  <a:pt x="10755981" y="3629569"/>
                  <a:pt x="10755992" y="3629569"/>
                </a:cubicBezTo>
                <a:cubicBezTo>
                  <a:pt x="10763328" y="3629569"/>
                  <a:pt x="10769276" y="3623621"/>
                  <a:pt x="10769276" y="3616285"/>
                </a:cubicBezTo>
                <a:lnTo>
                  <a:pt x="10769276" y="3381529"/>
                </a:lnTo>
                <a:cubicBezTo>
                  <a:pt x="10769370" y="3343360"/>
                  <a:pt x="10762007" y="3310787"/>
                  <a:pt x="10747188" y="3283809"/>
                </a:cubicBezTo>
                <a:cubicBezTo>
                  <a:pt x="10732369" y="3256831"/>
                  <a:pt x="10711860" y="3236479"/>
                  <a:pt x="10685659" y="3222753"/>
                </a:cubicBezTo>
                <a:cubicBezTo>
                  <a:pt x="10659459" y="3208996"/>
                  <a:pt x="10629815" y="3202096"/>
                  <a:pt x="10596727" y="3202054"/>
                </a:cubicBezTo>
                <a:close/>
                <a:moveTo>
                  <a:pt x="10282670" y="3189339"/>
                </a:moveTo>
                <a:cubicBezTo>
                  <a:pt x="10252287" y="3189339"/>
                  <a:pt x="10227657" y="3213969"/>
                  <a:pt x="10227657" y="3244352"/>
                </a:cubicBezTo>
                <a:cubicBezTo>
                  <a:pt x="10227657" y="3274735"/>
                  <a:pt x="10252287" y="3299365"/>
                  <a:pt x="10282670" y="3299365"/>
                </a:cubicBezTo>
                <a:cubicBezTo>
                  <a:pt x="10313053" y="3299365"/>
                  <a:pt x="10337683" y="3274735"/>
                  <a:pt x="10337683" y="3244352"/>
                </a:cubicBezTo>
                <a:cubicBezTo>
                  <a:pt x="10337683" y="3213969"/>
                  <a:pt x="10313053" y="3189339"/>
                  <a:pt x="10282670" y="3189339"/>
                </a:cubicBezTo>
                <a:close/>
                <a:moveTo>
                  <a:pt x="10110097" y="3104444"/>
                </a:moveTo>
                <a:cubicBezTo>
                  <a:pt x="10102752" y="3104453"/>
                  <a:pt x="10096804" y="3110414"/>
                  <a:pt x="10096813" y="3117759"/>
                </a:cubicBezTo>
                <a:lnTo>
                  <a:pt x="10096813" y="3195712"/>
                </a:lnTo>
                <a:cubicBezTo>
                  <a:pt x="10096813" y="3203066"/>
                  <a:pt x="10090851" y="3209027"/>
                  <a:pt x="10083498" y="3209027"/>
                </a:cubicBezTo>
                <a:lnTo>
                  <a:pt x="10031040" y="3209027"/>
                </a:lnTo>
                <a:cubicBezTo>
                  <a:pt x="10031036" y="3209027"/>
                  <a:pt x="10031029" y="3209027"/>
                  <a:pt x="10031025" y="3209027"/>
                </a:cubicBezTo>
                <a:cubicBezTo>
                  <a:pt x="10023679" y="3209027"/>
                  <a:pt x="10017725" y="3214982"/>
                  <a:pt x="10017725" y="3222327"/>
                </a:cubicBezTo>
                <a:lnTo>
                  <a:pt x="10017725" y="3266707"/>
                </a:lnTo>
                <a:cubicBezTo>
                  <a:pt x="10017742" y="3274048"/>
                  <a:pt x="10023700" y="3279990"/>
                  <a:pt x="10031040" y="3279990"/>
                </a:cubicBezTo>
                <a:lnTo>
                  <a:pt x="10083498" y="3279990"/>
                </a:lnTo>
                <a:cubicBezTo>
                  <a:pt x="10090851" y="3279990"/>
                  <a:pt x="10096813" y="3285952"/>
                  <a:pt x="10096813" y="3293306"/>
                </a:cubicBezTo>
                <a:lnTo>
                  <a:pt x="10096813" y="3512822"/>
                </a:lnTo>
                <a:cubicBezTo>
                  <a:pt x="10096802" y="3554030"/>
                  <a:pt x="10107226" y="3583796"/>
                  <a:pt x="10128083" y="3602118"/>
                </a:cubicBezTo>
                <a:cubicBezTo>
                  <a:pt x="10148939" y="3620439"/>
                  <a:pt x="10178962" y="3629601"/>
                  <a:pt x="10218151" y="3629601"/>
                </a:cubicBezTo>
                <a:lnTo>
                  <a:pt x="10273590" y="3629601"/>
                </a:lnTo>
                <a:cubicBezTo>
                  <a:pt x="10273595" y="3629601"/>
                  <a:pt x="10273601" y="3629601"/>
                  <a:pt x="10273606" y="3629601"/>
                </a:cubicBezTo>
                <a:cubicBezTo>
                  <a:pt x="10280952" y="3629601"/>
                  <a:pt x="10286906" y="3623646"/>
                  <a:pt x="10286906" y="3616301"/>
                </a:cubicBezTo>
                <a:lnTo>
                  <a:pt x="10286906" y="3570391"/>
                </a:lnTo>
                <a:cubicBezTo>
                  <a:pt x="10286906" y="3570386"/>
                  <a:pt x="10286906" y="3570380"/>
                  <a:pt x="10286906" y="3570375"/>
                </a:cubicBezTo>
                <a:cubicBezTo>
                  <a:pt x="10286896" y="3563029"/>
                  <a:pt x="10280936" y="3557082"/>
                  <a:pt x="10273590" y="3557091"/>
                </a:cubicBezTo>
                <a:lnTo>
                  <a:pt x="10233486" y="3557091"/>
                </a:lnTo>
                <a:cubicBezTo>
                  <a:pt x="10215595" y="3557091"/>
                  <a:pt x="10203006" y="3553699"/>
                  <a:pt x="10195622" y="3546805"/>
                </a:cubicBezTo>
                <a:cubicBezTo>
                  <a:pt x="10188239" y="3539910"/>
                  <a:pt x="10184579" y="3528599"/>
                  <a:pt x="10184579" y="3512822"/>
                </a:cubicBezTo>
                <a:lnTo>
                  <a:pt x="10184579" y="3117759"/>
                </a:lnTo>
                <a:cubicBezTo>
                  <a:pt x="10184579" y="3110406"/>
                  <a:pt x="10178617" y="3104444"/>
                  <a:pt x="10171263" y="3104444"/>
                </a:cubicBezTo>
                <a:lnTo>
                  <a:pt x="10110113" y="3104444"/>
                </a:lnTo>
                <a:cubicBezTo>
                  <a:pt x="10110108" y="3104444"/>
                  <a:pt x="10110102" y="3104444"/>
                  <a:pt x="10110097" y="3104444"/>
                </a:cubicBezTo>
                <a:close/>
                <a:moveTo>
                  <a:pt x="9493861" y="3104444"/>
                </a:moveTo>
                <a:cubicBezTo>
                  <a:pt x="9486560" y="3104444"/>
                  <a:pt x="9480641" y="3110363"/>
                  <a:pt x="9480641" y="3117665"/>
                </a:cubicBezTo>
                <a:lnTo>
                  <a:pt x="9480641" y="3240328"/>
                </a:lnTo>
                <a:cubicBezTo>
                  <a:pt x="9474742" y="3236172"/>
                  <a:pt x="9468622" y="3232338"/>
                  <a:pt x="9462308" y="3228843"/>
                </a:cubicBezTo>
                <a:cubicBezTo>
                  <a:pt x="9429703" y="3210962"/>
                  <a:pt x="9393322" y="3202049"/>
                  <a:pt x="9353166" y="3202101"/>
                </a:cubicBezTo>
                <a:cubicBezTo>
                  <a:pt x="9313009" y="3202154"/>
                  <a:pt x="9276617" y="3211068"/>
                  <a:pt x="9243991" y="3228843"/>
                </a:cubicBezTo>
                <a:cubicBezTo>
                  <a:pt x="9211597" y="3246486"/>
                  <a:pt x="9184868" y="3272952"/>
                  <a:pt x="9166907" y="3305170"/>
                </a:cubicBezTo>
                <a:cubicBezTo>
                  <a:pt x="9148101" y="3338248"/>
                  <a:pt x="9138698" y="3376165"/>
                  <a:pt x="9138698" y="3418919"/>
                </a:cubicBezTo>
                <a:cubicBezTo>
                  <a:pt x="9138698" y="3462179"/>
                  <a:pt x="9147860" y="3500216"/>
                  <a:pt x="9166181" y="3533032"/>
                </a:cubicBezTo>
                <a:cubicBezTo>
                  <a:pt x="9183696" y="3565076"/>
                  <a:pt x="9209887" y="3591535"/>
                  <a:pt x="9241751" y="3609375"/>
                </a:cubicBezTo>
                <a:cubicBezTo>
                  <a:pt x="9273789" y="3627423"/>
                  <a:pt x="9309658" y="3636448"/>
                  <a:pt x="9349363" y="3636448"/>
                </a:cubicBezTo>
                <a:cubicBezTo>
                  <a:pt x="9389562" y="3636448"/>
                  <a:pt x="9426326" y="3627423"/>
                  <a:pt x="9459658" y="3609375"/>
                </a:cubicBezTo>
                <a:cubicBezTo>
                  <a:pt x="9492978" y="3591295"/>
                  <a:pt x="9520082" y="3566163"/>
                  <a:pt x="9538667" y="3532653"/>
                </a:cubicBezTo>
                <a:cubicBezTo>
                  <a:pt x="9562821" y="3489125"/>
                  <a:pt x="9567665" y="3449431"/>
                  <a:pt x="9567665" y="3380724"/>
                </a:cubicBezTo>
                <a:lnTo>
                  <a:pt x="9567665" y="3117665"/>
                </a:lnTo>
                <a:cubicBezTo>
                  <a:pt x="9567665" y="3110363"/>
                  <a:pt x="9561745" y="3104444"/>
                  <a:pt x="9554444" y="3104444"/>
                </a:cubicBezTo>
                <a:close/>
                <a:moveTo>
                  <a:pt x="1412487" y="864356"/>
                </a:moveTo>
                <a:lnTo>
                  <a:pt x="1412487" y="5990756"/>
                </a:lnTo>
                <a:lnTo>
                  <a:pt x="1538487" y="5990756"/>
                </a:lnTo>
                <a:lnTo>
                  <a:pt x="1538487" y="864356"/>
                </a:lnTo>
                <a:close/>
                <a:moveTo>
                  <a:pt x="0" y="0"/>
                </a:moveTo>
                <a:lnTo>
                  <a:pt x="12193200" y="0"/>
                </a:lnTo>
                <a:lnTo>
                  <a:pt x="12193200" y="6861600"/>
                </a:lnTo>
                <a:lnTo>
                  <a:pt x="0" y="6861600"/>
                </a:ln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lIns="0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dirty="0"/>
              <a:t>Click to add dark picture</a:t>
            </a:r>
          </a:p>
        </p:txBody>
      </p:sp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864000"/>
            <a:ext cx="5328000" cy="1954800"/>
          </a:xfrm>
        </p:spPr>
        <p:txBody>
          <a:bodyPr anchor="t" anchorCtr="0"/>
          <a:lstStyle>
            <a:lvl1pPr algn="l">
              <a:defRPr sz="4400">
                <a:solidFill>
                  <a:schemeClr val="tx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4240800"/>
            <a:ext cx="5328000" cy="1238400"/>
          </a:xfrm>
        </p:spPr>
        <p:txBody>
          <a:bodyPr anchor="b" anchorCtr="0"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>
                <a:solidFill>
                  <a:schemeClr val="tx1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None/>
              <a:defRPr sz="2400" b="0"/>
            </a:lvl2pPr>
            <a:lvl3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3pPr>
            <a:lvl4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4pPr>
            <a:lvl5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5pPr>
            <a:lvl6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6pPr>
            <a:lvl7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7pPr>
            <a:lvl8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8pPr>
            <a:lvl9pPr marL="0" indent="0" algn="l">
              <a:lnSpc>
                <a:spcPct val="9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2400" b="0"/>
            </a:lvl9pPr>
          </a:lstStyle>
          <a:p>
            <a:r>
              <a:rPr lang="en-GB" dirty="0"/>
              <a:t>Click to add subtitle</a:t>
            </a:r>
          </a:p>
        </p:txBody>
      </p:sp>
      <p:sp>
        <p:nvSpPr>
          <p:cNvPr id="9" name="Date Placeholder 1">
            <a:extLst>
              <a:ext uri="{FF2B5EF4-FFF2-40B4-BE49-F238E27FC236}">
                <a16:creationId xmlns:a16="http://schemas.microsoft.com/office/drawing/2014/main" id="{B3D203E8-03C6-4311-ADD7-0E3127121082}"/>
              </a:ext>
            </a:extLst>
          </p:cNvPr>
          <p:cNvSpPr>
            <a:spLocks noGrp="1"/>
          </p:cNvSpPr>
          <p:nvPr>
            <p:ph type="dt" sz="half" idx="2"/>
          </p:nvPr>
        </p:nvSpPr>
        <p:spPr bwMode="white">
          <a:xfrm>
            <a:off x="1965600" y="5673600"/>
            <a:ext cx="1656000" cy="1548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0A85073-E3EB-4D67-9084-C2611F12FACA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 bwMode="white">
          <a:xfrm>
            <a:off x="1965600" y="5894082"/>
            <a:ext cx="165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Speaker</a:t>
            </a:r>
          </a:p>
          <a:p>
            <a:pPr lvl="1"/>
            <a:endParaRPr lang="en-GB" dirty="0"/>
          </a:p>
        </p:txBody>
      </p:sp>
      <p:sp>
        <p:nvSpPr>
          <p:cNvPr id="13" name="Text Placeholder 6">
            <a:extLst>
              <a:ext uri="{FF2B5EF4-FFF2-40B4-BE49-F238E27FC236}">
                <a16:creationId xmlns:a16="http://schemas.microsoft.com/office/drawing/2014/main" id="{D72791A1-99DF-44D3-AD60-D9163DC45EC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 bwMode="white">
          <a:xfrm>
            <a:off x="3927600" y="5673600"/>
            <a:ext cx="3366000" cy="154800"/>
          </a:xfrm>
        </p:spPr>
        <p:txBody>
          <a:bodyPr anchor="b" anchorCtr="0"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lvl="0"/>
            <a:r>
              <a:rPr lang="en-GB" dirty="0"/>
              <a:t>Click to add Classification: Public / Restricted / Confidential / Secret</a:t>
            </a:r>
          </a:p>
        </p:txBody>
      </p:sp>
      <p:sp>
        <p:nvSpPr>
          <p:cNvPr id="14" name="Text Placeholder 6">
            <a:extLst>
              <a:ext uri="{FF2B5EF4-FFF2-40B4-BE49-F238E27FC236}">
                <a16:creationId xmlns:a16="http://schemas.microsoft.com/office/drawing/2014/main" id="{9022DAF1-BCA9-481A-9837-0D66FC58726A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 bwMode="white">
          <a:xfrm>
            <a:off x="3927600" y="5894082"/>
            <a:ext cx="3366000" cy="154800"/>
          </a:xfrm>
        </p:spPr>
        <p:txBody>
          <a:bodyPr/>
          <a:lstStyle>
            <a:lvl1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lang="en-US" sz="700" b="0" kern="1200" cap="none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6pPr>
            <a:lvl7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7pPr>
            <a:lvl8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8pPr>
            <a:lvl9pPr marL="0" indent="0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None/>
              <a:defRPr sz="700" b="0" cap="none" baseline="0"/>
            </a:lvl9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r>
              <a:rPr lang="en-GB" dirty="0"/>
              <a:t>Click to add Disclaimer legal or other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accent2"/>
              </a:buClr>
              <a:buSzTx/>
              <a:buFont typeface="Dstny Body" panose="02000603000000020004" pitchFamily="2" charset="0"/>
              <a:buNone/>
              <a:tabLst/>
              <a:defRPr/>
            </a:pPr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08890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8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Background">
            <a:extLst>
              <a:ext uri="{FF2B5EF4-FFF2-40B4-BE49-F238E27FC236}">
                <a16:creationId xmlns:a16="http://schemas.microsoft.com/office/drawing/2014/main" id="{0535AB10-5016-4BBE-B319-91BC6F875FE6}"/>
              </a:ext>
            </a:extLst>
          </p:cNvPr>
          <p:cNvSpPr/>
          <p:nvPr userDrawn="1"/>
        </p:nvSpPr>
        <p:spPr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>
          <a:xfrm rot="5400000" flipV="1">
            <a:off x="439200" y="3364556"/>
            <a:ext cx="5126400" cy="126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7" y="6199199"/>
            <a:ext cx="901603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>
                <a:latin typeface="+mn-lt"/>
              </a:defRPr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>
                <a:latin typeface="+mn-lt"/>
              </a:defRPr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467915729"/>
      </p:ext>
    </p:extLst>
  </p:cSld>
  <p:clrMapOvr>
    <a:masterClrMapping/>
  </p:clrMapOvr>
</p:sldLayout>
</file>

<file path=ppt/slideLayouts/slideLayout8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774232FE-6B21-4D3C-8891-6A33800C6D20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D372CC3D-7E59-450A-B93F-92B0F4C49C61}"/>
              </a:ext>
            </a:extLst>
          </p:cNvPr>
          <p:cNvSpPr/>
          <p:nvPr userDrawn="1"/>
        </p:nvSpPr>
        <p:spPr bwMode="white">
          <a:xfrm rot="5400000" flipV="1">
            <a:off x="439200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1AC54771-CBF5-4FBF-A739-CD4ED231F6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3" name="Title 2">
            <a:extLst>
              <a:ext uri="{FF2B5EF4-FFF2-40B4-BE49-F238E27FC236}">
                <a16:creationId xmlns:a16="http://schemas.microsoft.com/office/drawing/2014/main" id="{82B3B4A0-C375-41A6-AA76-9E9EE3A791C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 bwMode="white">
          <a:xfrm>
            <a:off x="432000" y="874800"/>
            <a:ext cx="2073600" cy="5115600"/>
          </a:xfrm>
        </p:spPr>
        <p:txBody>
          <a:bodyPr/>
          <a:lstStyle>
            <a:lvl1pPr>
              <a:lnSpc>
                <a:spcPct val="90000"/>
              </a:lnSpc>
              <a:defRPr sz="4000"/>
            </a:lvl1pPr>
          </a:lstStyle>
          <a:p>
            <a:r>
              <a:rPr lang="en-GB" dirty="0"/>
              <a:t>Click to add Agenda title</a:t>
            </a:r>
          </a:p>
        </p:txBody>
      </p:sp>
      <p:sp>
        <p:nvSpPr>
          <p:cNvPr id="7" name="Text Placeholder 2"/>
          <p:cNvSpPr>
            <a:spLocks noGrp="1"/>
          </p:cNvSpPr>
          <p:nvPr>
            <p:ph type="body" sz="quarter" idx="13" hasCustomPrompt="1"/>
          </p:nvPr>
        </p:nvSpPr>
        <p:spPr bwMode="white">
          <a:xfrm>
            <a:off x="3499200" y="874800"/>
            <a:ext cx="8262000" cy="5115600"/>
          </a:xfrm>
        </p:spPr>
        <p:txBody>
          <a:bodyPr/>
          <a:lstStyle>
            <a:lvl1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1pPr>
            <a:lvl2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2pPr>
            <a:lvl3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3pPr>
            <a:lvl4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4pPr>
            <a:lvl5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5pPr>
            <a:lvl6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6pPr>
            <a:lvl7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7pPr>
            <a:lvl8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1" cap="none" baseline="0"/>
            </a:lvl8pPr>
            <a:lvl9pPr marL="0" indent="0">
              <a:lnSpc>
                <a:spcPct val="120000"/>
              </a:lnSpc>
              <a:spcBef>
                <a:spcPts val="0"/>
              </a:spcBef>
              <a:spcAft>
                <a:spcPts val="1200"/>
              </a:spcAft>
              <a:buFont typeface="Dstny Body" panose="02000603000000020004" pitchFamily="2" charset="0"/>
              <a:buChar char="​"/>
              <a:defRPr sz="2400" b="0" cap="none" baseline="0"/>
            </a:lvl9pPr>
          </a:lstStyle>
          <a:p>
            <a:pPr lvl="0"/>
            <a:r>
              <a:rPr lang="en-GB" noProof="0" dirty="0"/>
              <a:t>Click to add agenda point                                                        Enter &amp; TAB for next text level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2B0DF4EB-E8CD-4FE3-9BB6-9D7DA462D5A7}"/>
              </a:ext>
            </a:extLst>
          </p:cNvPr>
          <p:cNvSpPr>
            <a:spLocks noGrp="1"/>
          </p:cNvSpPr>
          <p:nvPr>
            <p:ph type="dt" sz="half" idx="14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DF499343-84CB-4E3E-846B-B907699FB70D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75FCB2F-4FFF-4E3C-94D2-25EBC95B535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00005899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B">
    <p:bg>
      <p:bgPr>
        <a:gradFill>
          <a:gsLst>
            <a:gs pos="0">
              <a:srgbClr val="1BA9B5"/>
            </a:gs>
            <a:gs pos="95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82005421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4E552D84-A027-418B-B489-16EF46A08E8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25000">
                <a:srgbClr val="FE9305"/>
              </a:gs>
              <a:gs pos="100000">
                <a:srgbClr val="FFE655"/>
              </a:gs>
            </a:gsLst>
            <a:lin ang="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81224270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4666D3D-F50F-4B1A-92E6-DD373687D7F6}"/>
              </a:ext>
            </a:extLst>
          </p:cNvPr>
          <p:cNvSpPr/>
          <p:nvPr userDrawn="1"/>
        </p:nvSpPr>
        <p:spPr>
          <a:xfrm>
            <a:off x="-1" y="-1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1BA9B5"/>
              </a:gs>
              <a:gs pos="95000">
                <a:srgbClr val="005C87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55410857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Breaker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Background">
            <a:extLst>
              <a:ext uri="{FF2B5EF4-FFF2-40B4-BE49-F238E27FC236}">
                <a16:creationId xmlns:a16="http://schemas.microsoft.com/office/drawing/2014/main" id="{E7966683-9609-42DF-8F42-B189A0907425}"/>
              </a:ext>
            </a:extLst>
          </p:cNvPr>
          <p:cNvSpPr/>
          <p:nvPr userDrawn="1"/>
        </p:nvSpPr>
        <p:spPr bwMode="ltGray">
          <a:xfrm>
            <a:off x="0" y="0"/>
            <a:ext cx="12193200" cy="6858000"/>
          </a:xfrm>
          <a:prstGeom prst="rect">
            <a:avLst/>
          </a:prstGeom>
          <a:gradFill flip="none" rotWithShape="1">
            <a:gsLst>
              <a:gs pos="0">
                <a:srgbClr val="B41284"/>
              </a:gs>
              <a:gs pos="95000">
                <a:srgbClr val="7E0A5C"/>
              </a:gs>
            </a:gsLst>
            <a:lin ang="10800000" scaled="0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dirty="0" err="1"/>
          </a:p>
        </p:txBody>
      </p:sp>
      <p:sp>
        <p:nvSpPr>
          <p:cNvPr id="9" name="Rectangle">
            <a:extLst>
              <a:ext uri="{FF2B5EF4-FFF2-40B4-BE49-F238E27FC236}">
                <a16:creationId xmlns:a16="http://schemas.microsoft.com/office/drawing/2014/main" id="{0A89C57B-F8F6-40E2-833E-C9320F7E1A33}"/>
              </a:ext>
            </a:extLst>
          </p:cNvPr>
          <p:cNvSpPr/>
          <p:nvPr userDrawn="1"/>
        </p:nvSpPr>
        <p:spPr bwMode="white">
          <a:xfrm rot="16200000" flipV="1">
            <a:off x="-1088912" y="3364556"/>
            <a:ext cx="5126400" cy="126000"/>
          </a:xfrm>
          <a:prstGeom prst="rect">
            <a:avLst/>
          </a:prstGeom>
          <a:solidFill>
            <a:schemeClr val="tx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pic>
        <p:nvPicPr>
          <p:cNvPr id="14" name="Logo">
            <a:extLst>
              <a:ext uri="{FF2B5EF4-FFF2-40B4-BE49-F238E27FC236}">
                <a16:creationId xmlns:a16="http://schemas.microsoft.com/office/drawing/2014/main" id="{CFB615E5-EF3E-4EBF-AA9B-470031CBDD1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0855999" y="6199199"/>
            <a:ext cx="901598" cy="308692"/>
          </a:xfrm>
          <a:prstGeom prst="rect">
            <a:avLst/>
          </a:prstGeom>
        </p:spPr>
      </p:pic>
      <p:sp>
        <p:nvSpPr>
          <p:cNvPr id="2" name="Title 1"/>
          <p:cNvSpPr>
            <a:spLocks noGrp="1"/>
          </p:cNvSpPr>
          <p:nvPr>
            <p:ph type="ctrTitle" hasCustomPrompt="1"/>
          </p:nvPr>
        </p:nvSpPr>
        <p:spPr bwMode="white">
          <a:xfrm>
            <a:off x="1965600" y="1944778"/>
            <a:ext cx="7833600" cy="3109002"/>
          </a:xfrm>
        </p:spPr>
        <p:txBody>
          <a:bodyPr anchor="t" anchorCtr="0"/>
          <a:lstStyle>
            <a:lvl1pPr algn="l">
              <a:defRPr sz="8000" b="1">
                <a:solidFill>
                  <a:schemeClr val="tx1"/>
                </a:solidFill>
              </a:defRPr>
            </a:lvl1pPr>
          </a:lstStyle>
          <a:p>
            <a:r>
              <a:rPr lang="en-GB" noProof="0" dirty="0"/>
              <a:t>Click to add title</a:t>
            </a:r>
            <a:endParaRPr lang="en-GB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 hasCustomPrompt="1"/>
          </p:nvPr>
        </p:nvSpPr>
        <p:spPr bwMode="white">
          <a:xfrm>
            <a:off x="1965600" y="726350"/>
            <a:ext cx="7833600" cy="1080000"/>
          </a:xfrm>
        </p:spPr>
        <p:txBody>
          <a:bodyPr/>
          <a:lstStyle>
            <a:lvl1pPr marL="0" indent="0" algn="l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1pPr>
            <a:lvl2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2pPr>
            <a:lvl3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3pPr>
            <a:lvl4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4pPr>
            <a:lvl5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5pPr>
            <a:lvl6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6pPr>
            <a:lvl7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7pPr>
            <a:lvl8pPr marL="0" indent="0" algn="l">
              <a:buFont typeface="Dstny Body" panose="02000603000000020004" pitchFamily="2" charset="0"/>
              <a:buChar char="​"/>
              <a:defRPr sz="8000" b="1">
                <a:solidFill>
                  <a:schemeClr val="tx1"/>
                </a:solidFill>
              </a:defRPr>
            </a:lvl8pPr>
            <a:lvl9pPr marL="0" indent="0" algn="l">
              <a:buFont typeface="Dstny Body" panose="02000603000000020004" pitchFamily="2" charset="0"/>
              <a:buChar char="​"/>
              <a:tabLst/>
              <a:defRPr sz="8000" b="1">
                <a:solidFill>
                  <a:schemeClr val="tx1"/>
                </a:solidFill>
              </a:defRPr>
            </a:lvl9pPr>
          </a:lstStyle>
          <a:p>
            <a:r>
              <a:rPr lang="en-GB" dirty="0"/>
              <a:t>#01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9A9D7F21-26AE-46C9-A9BF-E3C2D2527A6D}"/>
              </a:ext>
            </a:extLst>
          </p:cNvPr>
          <p:cNvSpPr>
            <a:spLocks noGrp="1"/>
          </p:cNvSpPr>
          <p:nvPr>
            <p:ph type="dt" sz="half" idx="10"/>
          </p:nvPr>
        </p:nvSpPr>
        <p:spPr bwMode="white"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AC44ACE3-9C9E-48B3-8EB8-2D71E81B4C3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 bwMode="white"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35DB5A3-15DC-4831-8A0C-FB090E04031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 bwMode="white"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97958744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9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re et contenu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/>
        <p:txBody>
          <a:bodyPr/>
          <a:lstStyle>
            <a:lvl1pPr>
              <a:defRPr/>
            </a:lvl1pPr>
            <a:lvl5pPr>
              <a:defRPr/>
            </a:lvl5pPr>
            <a:lvl6pPr>
              <a:defRPr/>
            </a:lvl6pPr>
            <a:lvl7pPr>
              <a:defRPr/>
            </a:lvl7pPr>
            <a:lvl8pPr>
              <a:defRPr/>
            </a:lvl8pPr>
            <a:lvl9pPr>
              <a:defRPr/>
            </a:lvl9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 level</a:t>
            </a:r>
          </a:p>
          <a:p>
            <a:pPr lvl="6"/>
            <a:r>
              <a:rPr lang="en-GB" noProof="0" dirty="0"/>
              <a:t>7 level</a:t>
            </a:r>
          </a:p>
          <a:p>
            <a:pPr lvl="7"/>
            <a:r>
              <a:rPr lang="en-GB" noProof="0" dirty="0"/>
              <a:t>8 level</a:t>
            </a:r>
          </a:p>
          <a:p>
            <a:pPr lvl="8"/>
            <a:r>
              <a:rPr lang="en-GB" noProof="0" dirty="0"/>
              <a:t>9 level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A35F8FA-83AA-40A7-A81F-145B0272EF9D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62D0141-A742-40EA-90CE-E9F3A4CC6BB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AAE8AB24-1A29-4E44-8B8A-66ED307E2111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590866265"/>
      </p:ext>
    </p:extLst>
  </p:cSld>
  <p:clrMapOvr>
    <a:masterClrMapping/>
  </p:clrMapOvr>
</p:sldLayout>
</file>

<file path=ppt/slideLayouts/slideLayout9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eux contenu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6310800" y="1728000"/>
            <a:ext cx="54468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Enter &amp; TAB for next text level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1132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18905057"/>
      </p:ext>
    </p:extLst>
  </p:cSld>
  <p:clrMapOvr>
    <a:masterClrMapping/>
  </p:clrMapOvr>
</p:sldLayout>
</file>

<file path=ppt/slideLayouts/slideLayout9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1728000"/>
            <a:ext cx="83880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Enter &amp; TAB for next text level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1728000"/>
            <a:ext cx="1958400" cy="4262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83880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53960274"/>
      </p:ext>
    </p:extLst>
  </p:cSld>
  <p:clrMapOvr>
    <a:masterClrMapping/>
  </p:clrMapOvr>
</p:sldLayout>
</file>

<file path=ppt/slideLayouts/slideLayout9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 wide/narrow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75175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32000" y="864000"/>
            <a:ext cx="7840800" cy="860025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432000" y="2160000"/>
            <a:ext cx="78408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Enter &amp; TAB for next text level                                         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17CE2ECF-AF40-4809-BD16-DFC59D53926E}"/>
              </a:ext>
            </a:extLst>
          </p:cNvPr>
          <p:cNvSpPr>
            <a:spLocks noGrp="1"/>
          </p:cNvSpPr>
          <p:nvPr>
            <p:ph sz="half" idx="2" hasCustomPrompt="1"/>
          </p:nvPr>
        </p:nvSpPr>
        <p:spPr>
          <a:xfrm>
            <a:off x="9799200" y="2160000"/>
            <a:ext cx="1958400" cy="3830400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Enter &amp; TAB for next text level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432000" y="5991224"/>
            <a:ext cx="78408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8" name="Date Placeholder 7">
            <a:extLst>
              <a:ext uri="{FF2B5EF4-FFF2-40B4-BE49-F238E27FC236}">
                <a16:creationId xmlns:a16="http://schemas.microsoft.com/office/drawing/2014/main" id="{16F2C668-6CA5-4EC4-8388-0522EFC2F63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9" name="Footer Placeholder 8">
            <a:extLst>
              <a:ext uri="{FF2B5EF4-FFF2-40B4-BE49-F238E27FC236}">
                <a16:creationId xmlns:a16="http://schemas.microsoft.com/office/drawing/2014/main" id="{24063847-D404-43FB-A35E-3A2C2D19A42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0" name="Slide Number Placeholder 9">
            <a:extLst>
              <a:ext uri="{FF2B5EF4-FFF2-40B4-BE49-F238E27FC236}">
                <a16:creationId xmlns:a16="http://schemas.microsoft.com/office/drawing/2014/main" id="{1E055970-4E18-4BF2-95B2-99125A34A9E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1365097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9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, Content and bubble pictur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Oval 13">
            <a:extLst>
              <a:ext uri="{FF2B5EF4-FFF2-40B4-BE49-F238E27FC236}">
                <a16:creationId xmlns:a16="http://schemas.microsoft.com/office/drawing/2014/main" id="{AC13B577-33FC-41C3-A044-B1AB49795B7C}"/>
              </a:ext>
            </a:extLst>
          </p:cNvPr>
          <p:cNvSpPr>
            <a:spLocks noChangeAspect="1"/>
          </p:cNvSpPr>
          <p:nvPr userDrawn="1"/>
        </p:nvSpPr>
        <p:spPr>
          <a:xfrm flipH="1">
            <a:off x="6558312" y="3050901"/>
            <a:ext cx="2605397" cy="2605398"/>
          </a:xfrm>
          <a:prstGeom prst="ellipse">
            <a:avLst/>
          </a:prstGeom>
          <a:gradFill>
            <a:gsLst>
              <a:gs pos="0">
                <a:srgbClr val="1BA9B5"/>
              </a:gs>
              <a:gs pos="95000">
                <a:srgbClr val="005C87"/>
              </a:gs>
            </a:gsLst>
            <a:lin ang="54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6E26AE9B-C683-4A05-AA6B-3B45DCEE3839}"/>
              </a:ext>
            </a:extLst>
          </p:cNvPr>
          <p:cNvSpPr>
            <a:spLocks noGrp="1" noChangeAspect="1"/>
          </p:cNvSpPr>
          <p:nvPr>
            <p:ph type="pic" sz="quarter" idx="14" hasCustomPrompt="1"/>
          </p:nvPr>
        </p:nvSpPr>
        <p:spPr>
          <a:xfrm flipH="1">
            <a:off x="8140413" y="1398937"/>
            <a:ext cx="3448206" cy="3466126"/>
          </a:xfrm>
          <a:custGeom>
            <a:avLst/>
            <a:gdLst>
              <a:gd name="connsiteX0" fmla="*/ 2268000 w 4512551"/>
              <a:gd name="connsiteY0" fmla="*/ 0 h 4536000"/>
              <a:gd name="connsiteX1" fmla="*/ 3871718 w 4512551"/>
              <a:gd name="connsiteY1" fmla="*/ 664282 h 4536000"/>
              <a:gd name="connsiteX2" fmla="*/ 3961197 w 4512551"/>
              <a:gd name="connsiteY2" fmla="*/ 762733 h 4536000"/>
              <a:gd name="connsiteX3" fmla="*/ 3923678 w 4512551"/>
              <a:gd name="connsiteY3" fmla="*/ 776465 h 4536000"/>
              <a:gd name="connsiteX4" fmla="*/ 3343043 w 4512551"/>
              <a:gd name="connsiteY4" fmla="*/ 1652441 h 4536000"/>
              <a:gd name="connsiteX5" fmla="*/ 4293728 w 4512551"/>
              <a:gd name="connsiteY5" fmla="*/ 2603127 h 4536000"/>
              <a:gd name="connsiteX6" fmla="*/ 4485324 w 4512551"/>
              <a:gd name="connsiteY6" fmla="*/ 2583813 h 4536000"/>
              <a:gd name="connsiteX7" fmla="*/ 4512551 w 4512551"/>
              <a:gd name="connsiteY7" fmla="*/ 2576812 h 4536000"/>
              <a:gd name="connsiteX8" fmla="*/ 4489922 w 4512551"/>
              <a:gd name="connsiteY8" fmla="*/ 2725081 h 4536000"/>
              <a:gd name="connsiteX9" fmla="*/ 2268000 w 4512551"/>
              <a:gd name="connsiteY9" fmla="*/ 4536000 h 4536000"/>
              <a:gd name="connsiteX10" fmla="*/ 0 w 4512551"/>
              <a:gd name="connsiteY10" fmla="*/ 2268000 h 4536000"/>
              <a:gd name="connsiteX11" fmla="*/ 2268000 w 4512551"/>
              <a:gd name="connsiteY11" fmla="*/ 0 h 4536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4512551" h="4536000">
                <a:moveTo>
                  <a:pt x="2268000" y="0"/>
                </a:moveTo>
                <a:cubicBezTo>
                  <a:pt x="2894291" y="0"/>
                  <a:pt x="3461291" y="253855"/>
                  <a:pt x="3871718" y="664282"/>
                </a:cubicBezTo>
                <a:lnTo>
                  <a:pt x="3961197" y="762733"/>
                </a:lnTo>
                <a:lnTo>
                  <a:pt x="3923678" y="776465"/>
                </a:lnTo>
                <a:cubicBezTo>
                  <a:pt x="3582463" y="920787"/>
                  <a:pt x="3343043" y="1258654"/>
                  <a:pt x="3343043" y="1652441"/>
                </a:cubicBezTo>
                <a:cubicBezTo>
                  <a:pt x="3343043" y="2177490"/>
                  <a:pt x="3768679" y="2603127"/>
                  <a:pt x="4293728" y="2603127"/>
                </a:cubicBezTo>
                <a:cubicBezTo>
                  <a:pt x="4359359" y="2603127"/>
                  <a:pt x="4423437" y="2596477"/>
                  <a:pt x="4485324" y="2583813"/>
                </a:cubicBezTo>
                <a:lnTo>
                  <a:pt x="4512551" y="2576812"/>
                </a:lnTo>
                <a:lnTo>
                  <a:pt x="4489922" y="2725081"/>
                </a:lnTo>
                <a:cubicBezTo>
                  <a:pt x="4278440" y="3758571"/>
                  <a:pt x="3364009" y="4536000"/>
                  <a:pt x="2268000" y="4536000"/>
                </a:cubicBezTo>
                <a:cubicBezTo>
                  <a:pt x="1015418" y="4536000"/>
                  <a:pt x="0" y="3520582"/>
                  <a:pt x="0" y="2268000"/>
                </a:cubicBezTo>
                <a:cubicBezTo>
                  <a:pt x="0" y="1015418"/>
                  <a:pt x="1015418" y="0"/>
                  <a:pt x="2268000" y="0"/>
                </a:cubicBezTo>
                <a:close/>
              </a:path>
            </a:pathLst>
          </a:custGeom>
          <a:solidFill>
            <a:schemeClr val="bg2">
              <a:lumMod val="75000"/>
            </a:schemeClr>
          </a:solidFill>
        </p:spPr>
        <p:txBody>
          <a:bodyPr wrap="square" tIns="648000" anchor="ctr" anchorCtr="0">
            <a:noAutofit/>
          </a:bodyPr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166AEB5-52F0-4660-8F42-9D54730AF81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79488" y="864000"/>
            <a:ext cx="4899312" cy="900000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10" name="Text Placeholder notes">
            <a:extLst>
              <a:ext uri="{FF2B5EF4-FFF2-40B4-BE49-F238E27FC236}">
                <a16:creationId xmlns:a16="http://schemas.microsoft.com/office/drawing/2014/main" id="{2ECCE410-98B4-4E55-9790-F3441EFAE54A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79488" y="5991224"/>
            <a:ext cx="4899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A9369882-44DF-43EA-B961-38F81A409D37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11" name="Footer Placeholder 10">
            <a:extLst>
              <a:ext uri="{FF2B5EF4-FFF2-40B4-BE49-F238E27FC236}">
                <a16:creationId xmlns:a16="http://schemas.microsoft.com/office/drawing/2014/main" id="{FC94F4B9-B8BA-4AE0-8D3D-703A5A189F0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6280E129-1495-4152-885A-950F083E6B36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1F6788EB-A878-43E9-AB71-C7C060167280}"/>
              </a:ext>
            </a:extLst>
          </p:cNvPr>
          <p:cNvSpPr>
            <a:spLocks noChangeAspect="1"/>
          </p:cNvSpPr>
          <p:nvPr userDrawn="1"/>
        </p:nvSpPr>
        <p:spPr>
          <a:xfrm flipH="1">
            <a:off x="7451503" y="1925801"/>
            <a:ext cx="1619999" cy="1620000"/>
          </a:xfrm>
          <a:prstGeom prst="ellipse">
            <a:avLst/>
          </a:prstGeom>
          <a:gradFill>
            <a:gsLst>
              <a:gs pos="25000">
                <a:srgbClr val="FE9305"/>
              </a:gs>
              <a:gs pos="100000">
                <a:srgbClr val="FFE655"/>
              </a:gs>
            </a:gsLst>
            <a:lin ang="13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</p:spTree>
    <p:extLst>
      <p:ext uri="{BB962C8B-B14F-4D97-AF65-F5344CB8AC3E}">
        <p14:creationId xmlns:p14="http://schemas.microsoft.com/office/powerpoint/2010/main" val="1127325338"/>
      </p:ext>
    </p:extLst>
  </p:cSld>
  <p:clrMapOvr>
    <a:masterClrMapping/>
  </p:clrMapOvr>
</p:sldLayout>
</file>

<file path=ppt/slideLayouts/slideLayout9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51732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3531600" y="3364200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584400" y="863999"/>
            <a:ext cx="5172625" cy="860026"/>
          </a:xfrm>
        </p:spPr>
        <p:txBody>
          <a:bodyPr/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6584400" y="2160000"/>
            <a:ext cx="5173200" cy="3830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                                                                                                                    Enter &amp; TAB for next text level                                                                                                              SHIFT+TAB to go back in levels</a:t>
            </a:r>
          </a:p>
          <a:p>
            <a:pPr lvl="1"/>
            <a:r>
              <a:rPr lang="en-GB" noProof="0" dirty="0"/>
              <a:t>Second level</a:t>
            </a:r>
          </a:p>
          <a:p>
            <a:pPr lvl="2"/>
            <a:r>
              <a:rPr lang="en-GB" noProof="0" dirty="0"/>
              <a:t>Third level</a:t>
            </a:r>
          </a:p>
          <a:p>
            <a:pPr lvl="3"/>
            <a:r>
              <a:rPr lang="en-GB" noProof="0" dirty="0"/>
              <a:t>Fourth level</a:t>
            </a:r>
          </a:p>
          <a:p>
            <a:pPr lvl="4"/>
            <a:r>
              <a:rPr lang="en-GB" noProof="0" dirty="0"/>
              <a:t>Fifth level</a:t>
            </a:r>
          </a:p>
          <a:p>
            <a:pPr lvl="5"/>
            <a:r>
              <a:rPr lang="en-GB" noProof="0" dirty="0"/>
              <a:t>6</a:t>
            </a:r>
          </a:p>
          <a:p>
            <a:pPr lvl="6"/>
            <a:r>
              <a:rPr lang="en-GB" noProof="0" dirty="0"/>
              <a:t>7</a:t>
            </a:r>
          </a:p>
          <a:p>
            <a:pPr lvl="7"/>
            <a:r>
              <a:rPr lang="en-GB" noProof="0" dirty="0"/>
              <a:t>8</a:t>
            </a:r>
          </a:p>
          <a:p>
            <a:pPr lvl="8"/>
            <a:r>
              <a:rPr lang="en-GB" noProof="0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6584400" y="5991224"/>
            <a:ext cx="51804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46A93765-CE2C-40DF-A07F-38F61BBB42E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00AE797-4FC1-4511-8181-FEA09BFEF7C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1CA7B1EA-FFDB-44FE-9A80-5626E53F815D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4648730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Layouts/slideLayout9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Picture and text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Picture Placeholder 3">
            <a:extLst>
              <a:ext uri="{FF2B5EF4-FFF2-40B4-BE49-F238E27FC236}">
                <a16:creationId xmlns:a16="http://schemas.microsoft.com/office/drawing/2014/main" id="{12B04844-272C-4389-AC4D-0926F177548E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435600" y="864000"/>
            <a:ext cx="7830000" cy="5126400"/>
          </a:xfrm>
          <a:solidFill>
            <a:schemeClr val="bg2">
              <a:lumMod val="75000"/>
            </a:schemeClr>
          </a:solidFill>
        </p:spPr>
        <p:txBody>
          <a:bodyPr tIns="648000" anchor="ctr" anchorCtr="0"/>
          <a:lstStyle>
            <a:lvl1pPr marL="0" indent="0" algn="ctr">
              <a:buNone/>
              <a:defRPr sz="1600"/>
            </a:lvl1pPr>
          </a:lstStyle>
          <a:p>
            <a:r>
              <a:rPr lang="en-GB" noProof="0" dirty="0"/>
              <a:t>Click to add picture</a:t>
            </a:r>
          </a:p>
        </p:txBody>
      </p:sp>
      <p:sp>
        <p:nvSpPr>
          <p:cNvPr id="12" name="Rectangle">
            <a:extLst>
              <a:ext uri="{FF2B5EF4-FFF2-40B4-BE49-F238E27FC236}">
                <a16:creationId xmlns:a16="http://schemas.microsoft.com/office/drawing/2014/main" id="{1FDAB580-EBC3-48F5-B8EE-1FE5D2B70DD9}"/>
              </a:ext>
            </a:extLst>
          </p:cNvPr>
          <p:cNvSpPr/>
          <p:nvPr userDrawn="1"/>
        </p:nvSpPr>
        <p:spPr>
          <a:xfrm rot="16200000" flipV="1">
            <a:off x="6192000" y="3364556"/>
            <a:ext cx="5126400" cy="126000"/>
          </a:xfrm>
          <a:prstGeom prst="rect">
            <a:avLst/>
          </a:prstGeom>
          <a:gradFill flip="none" rotWithShape="1">
            <a:gsLst>
              <a:gs pos="0">
                <a:srgbClr val="2EAAB6"/>
              </a:gs>
              <a:gs pos="95000">
                <a:srgbClr val="006687"/>
              </a:gs>
            </a:gsLst>
            <a:lin ang="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GB" sz="2000" noProof="0" dirty="0" err="1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947CF41-4700-4C0D-801F-1B8DD72EDF9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864000" y="1368000"/>
            <a:ext cx="2509200" cy="4168800"/>
          </a:xfrm>
        </p:spPr>
        <p:txBody>
          <a:bodyPr/>
          <a:lstStyle>
            <a:lvl1pPr>
              <a:defRPr sz="2800">
                <a:solidFill>
                  <a:schemeClr val="bg1"/>
                </a:solidFill>
              </a:defRPr>
            </a:lvl1pPr>
          </a:lstStyle>
          <a:p>
            <a:r>
              <a:rPr lang="en-GB" dirty="0"/>
              <a:t>Click to add title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idx="1" hasCustomPrompt="1"/>
          </p:nvPr>
        </p:nvSpPr>
        <p:spPr>
          <a:xfrm>
            <a:off x="9252000" y="864000"/>
            <a:ext cx="2505600" cy="5126399"/>
          </a:xfrm>
        </p:spPr>
        <p:txBody>
          <a:bodyPr/>
          <a:lstStyle>
            <a:lvl1pPr>
              <a:defRPr/>
            </a:lvl1pPr>
            <a:lvl5pPr>
              <a:defRPr/>
            </a:lvl5pPr>
          </a:lstStyle>
          <a:p>
            <a:pPr lvl="0"/>
            <a:r>
              <a:rPr lang="en-GB" noProof="0" dirty="0"/>
              <a:t>Click to add text        Enter &amp; TAB for next text level                    SHIFT+TAB to go back in levels</a:t>
            </a:r>
            <a:endParaRPr lang="en-GB" dirty="0"/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r>
              <a:rPr lang="en-GB" dirty="0"/>
              <a:t>6</a:t>
            </a:r>
          </a:p>
          <a:p>
            <a:pPr lvl="6"/>
            <a:r>
              <a:rPr lang="en-GB" dirty="0"/>
              <a:t>7</a:t>
            </a:r>
          </a:p>
          <a:p>
            <a:pPr lvl="7"/>
            <a:r>
              <a:rPr lang="en-GB" dirty="0"/>
              <a:t>8</a:t>
            </a:r>
          </a:p>
          <a:p>
            <a:pPr lvl="8"/>
            <a:r>
              <a:rPr lang="en-GB" dirty="0"/>
              <a:t>9</a:t>
            </a:r>
          </a:p>
        </p:txBody>
      </p:sp>
      <p:sp>
        <p:nvSpPr>
          <p:cNvPr id="11" name="Text Placeholder notes">
            <a:extLst>
              <a:ext uri="{FF2B5EF4-FFF2-40B4-BE49-F238E27FC236}">
                <a16:creationId xmlns:a16="http://schemas.microsoft.com/office/drawing/2014/main" id="{B8F97A76-3B90-49A5-913F-2084EE741E5B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9252000" y="5991224"/>
            <a:ext cx="2505600" cy="135975"/>
          </a:xfrm>
        </p:spPr>
        <p:txBody>
          <a:bodyPr anchor="b" anchorCtr="0"/>
          <a:lstStyle>
            <a:lvl1pPr marL="0" indent="0">
              <a:spcAft>
                <a:spcPts val="300"/>
              </a:spcAft>
              <a:buFont typeface="Dstny Body" panose="02000603000000020004" pitchFamily="2" charset="0"/>
              <a:buNone/>
              <a:defRPr sz="700" i="0"/>
            </a:lvl1pPr>
            <a:lvl2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2pPr>
            <a:lvl3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3pPr>
            <a:lvl4pPr marL="0" indent="0">
              <a:spcAft>
                <a:spcPts val="0"/>
              </a:spcAft>
              <a:buFont typeface="Dstny Body" panose="02000603000000020004" pitchFamily="2" charset="0"/>
              <a:buNone/>
              <a:defRPr/>
            </a:lvl4pPr>
            <a:lvl5pPr marL="0" indent="0">
              <a:buFont typeface="Dstny Body" panose="02000603000000020004" pitchFamily="2" charset="0"/>
              <a:buNone/>
              <a:defRPr/>
            </a:lvl5pPr>
          </a:lstStyle>
          <a:p>
            <a:pPr lvl="0"/>
            <a:r>
              <a:rPr lang="en-GB" dirty="0"/>
              <a:t>Click to add not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0C639369-DFE2-4509-AEB5-C21FB645638E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3A43103C-01F7-4802-B93F-A5AF643FFDE1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91A0EBB-DBF9-4086-B365-2D0662B21F17}"/>
              </a:ext>
            </a:extLst>
          </p:cNvPr>
          <p:cNvSpPr>
            <a:spLocks noGrp="1"/>
          </p:cNvSpPr>
          <p:nvPr>
            <p:ph type="sldNum" sz="quarter" idx="20"/>
          </p:nvPr>
        </p:nvSpPr>
        <p:spPr/>
        <p:txBody>
          <a:bodyPr/>
          <a:lstStyle/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064079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orient="horz" pos="1358">
          <p15:clr>
            <a:srgbClr val="F26B43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theme" Target="../theme/theme1.xml"/><Relationship Id="rId47" Type="http://schemas.openxmlformats.org/officeDocument/2006/relationships/tags" Target="../tags/tag5.xml"/><Relationship Id="rId50" Type="http://schemas.openxmlformats.org/officeDocument/2006/relationships/tags" Target="../tags/tag8.xml"/><Relationship Id="rId55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tags" Target="../tags/tag3.xml"/><Relationship Id="rId53" Type="http://schemas.openxmlformats.org/officeDocument/2006/relationships/tags" Target="../tags/tag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ags" Target="../tags/tag2.xml"/><Relationship Id="rId52" Type="http://schemas.openxmlformats.org/officeDocument/2006/relationships/tags" Target="../tags/tag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tags" Target="../tags/tag1.xml"/><Relationship Id="rId48" Type="http://schemas.openxmlformats.org/officeDocument/2006/relationships/tags" Target="../tags/tag6.xml"/><Relationship Id="rId56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51" Type="http://schemas.openxmlformats.org/officeDocument/2006/relationships/tags" Target="../tags/tag9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ags" Target="../tags/tag4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Relationship Id="rId54" Type="http://schemas.openxmlformats.org/officeDocument/2006/relationships/tags" Target="../tags/tag1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49" Type="http://schemas.openxmlformats.org/officeDocument/2006/relationships/tags" Target="../tags/tag7.xml"/></Relationships>
</file>

<file path=ppt/slideMasters/_rels/slideMaster2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54.xml"/><Relationship Id="rId18" Type="http://schemas.openxmlformats.org/officeDocument/2006/relationships/slideLayout" Target="../slideLayouts/slideLayout59.xml"/><Relationship Id="rId26" Type="http://schemas.openxmlformats.org/officeDocument/2006/relationships/slideLayout" Target="../slideLayouts/slideLayout67.xml"/><Relationship Id="rId39" Type="http://schemas.openxmlformats.org/officeDocument/2006/relationships/slideLayout" Target="../slideLayouts/slideLayout80.xml"/><Relationship Id="rId21" Type="http://schemas.openxmlformats.org/officeDocument/2006/relationships/slideLayout" Target="../slideLayouts/slideLayout62.xml"/><Relationship Id="rId34" Type="http://schemas.openxmlformats.org/officeDocument/2006/relationships/slideLayout" Target="../slideLayouts/slideLayout75.xml"/><Relationship Id="rId42" Type="http://schemas.openxmlformats.org/officeDocument/2006/relationships/theme" Target="../theme/theme2.xml"/><Relationship Id="rId47" Type="http://schemas.openxmlformats.org/officeDocument/2006/relationships/tags" Target="../tags/tag17.xml"/><Relationship Id="rId50" Type="http://schemas.openxmlformats.org/officeDocument/2006/relationships/tags" Target="../tags/tag20.xml"/><Relationship Id="rId55" Type="http://schemas.openxmlformats.org/officeDocument/2006/relationships/image" Target="../media/image1.png"/><Relationship Id="rId7" Type="http://schemas.openxmlformats.org/officeDocument/2006/relationships/slideLayout" Target="../slideLayouts/slideLayout48.xml"/><Relationship Id="rId2" Type="http://schemas.openxmlformats.org/officeDocument/2006/relationships/slideLayout" Target="../slideLayouts/slideLayout43.xml"/><Relationship Id="rId16" Type="http://schemas.openxmlformats.org/officeDocument/2006/relationships/slideLayout" Target="../slideLayouts/slideLayout57.xml"/><Relationship Id="rId29" Type="http://schemas.openxmlformats.org/officeDocument/2006/relationships/slideLayout" Target="../slideLayouts/slideLayout70.xml"/><Relationship Id="rId11" Type="http://schemas.openxmlformats.org/officeDocument/2006/relationships/slideLayout" Target="../slideLayouts/slideLayout52.xml"/><Relationship Id="rId24" Type="http://schemas.openxmlformats.org/officeDocument/2006/relationships/slideLayout" Target="../slideLayouts/slideLayout65.xml"/><Relationship Id="rId32" Type="http://schemas.openxmlformats.org/officeDocument/2006/relationships/slideLayout" Target="../slideLayouts/slideLayout73.xml"/><Relationship Id="rId37" Type="http://schemas.openxmlformats.org/officeDocument/2006/relationships/slideLayout" Target="../slideLayouts/slideLayout78.xml"/><Relationship Id="rId40" Type="http://schemas.openxmlformats.org/officeDocument/2006/relationships/slideLayout" Target="../slideLayouts/slideLayout81.xml"/><Relationship Id="rId45" Type="http://schemas.openxmlformats.org/officeDocument/2006/relationships/tags" Target="../tags/tag15.xml"/><Relationship Id="rId53" Type="http://schemas.openxmlformats.org/officeDocument/2006/relationships/tags" Target="../tags/tag23.xml"/><Relationship Id="rId5" Type="http://schemas.openxmlformats.org/officeDocument/2006/relationships/slideLayout" Target="../slideLayouts/slideLayout46.xml"/><Relationship Id="rId10" Type="http://schemas.openxmlformats.org/officeDocument/2006/relationships/slideLayout" Target="../slideLayouts/slideLayout51.xml"/><Relationship Id="rId19" Type="http://schemas.openxmlformats.org/officeDocument/2006/relationships/slideLayout" Target="../slideLayouts/slideLayout60.xml"/><Relationship Id="rId31" Type="http://schemas.openxmlformats.org/officeDocument/2006/relationships/slideLayout" Target="../slideLayouts/slideLayout72.xml"/><Relationship Id="rId44" Type="http://schemas.openxmlformats.org/officeDocument/2006/relationships/tags" Target="../tags/tag14.xml"/><Relationship Id="rId52" Type="http://schemas.openxmlformats.org/officeDocument/2006/relationships/tags" Target="../tags/tag22.xml"/><Relationship Id="rId4" Type="http://schemas.openxmlformats.org/officeDocument/2006/relationships/slideLayout" Target="../slideLayouts/slideLayout45.xml"/><Relationship Id="rId9" Type="http://schemas.openxmlformats.org/officeDocument/2006/relationships/slideLayout" Target="../slideLayouts/slideLayout50.xml"/><Relationship Id="rId14" Type="http://schemas.openxmlformats.org/officeDocument/2006/relationships/slideLayout" Target="../slideLayouts/slideLayout55.xml"/><Relationship Id="rId22" Type="http://schemas.openxmlformats.org/officeDocument/2006/relationships/slideLayout" Target="../slideLayouts/slideLayout63.xml"/><Relationship Id="rId27" Type="http://schemas.openxmlformats.org/officeDocument/2006/relationships/slideLayout" Target="../slideLayouts/slideLayout68.xml"/><Relationship Id="rId30" Type="http://schemas.openxmlformats.org/officeDocument/2006/relationships/slideLayout" Target="../slideLayouts/slideLayout71.xml"/><Relationship Id="rId35" Type="http://schemas.openxmlformats.org/officeDocument/2006/relationships/slideLayout" Target="../slideLayouts/slideLayout76.xml"/><Relationship Id="rId43" Type="http://schemas.openxmlformats.org/officeDocument/2006/relationships/tags" Target="../tags/tag13.xml"/><Relationship Id="rId48" Type="http://schemas.openxmlformats.org/officeDocument/2006/relationships/tags" Target="../tags/tag18.xml"/><Relationship Id="rId56" Type="http://schemas.openxmlformats.org/officeDocument/2006/relationships/image" Target="../media/image2.svg"/><Relationship Id="rId8" Type="http://schemas.openxmlformats.org/officeDocument/2006/relationships/slideLayout" Target="../slideLayouts/slideLayout49.xml"/><Relationship Id="rId51" Type="http://schemas.openxmlformats.org/officeDocument/2006/relationships/tags" Target="../tags/tag21.xml"/><Relationship Id="rId3" Type="http://schemas.openxmlformats.org/officeDocument/2006/relationships/slideLayout" Target="../slideLayouts/slideLayout44.xml"/><Relationship Id="rId12" Type="http://schemas.openxmlformats.org/officeDocument/2006/relationships/slideLayout" Target="../slideLayouts/slideLayout53.xml"/><Relationship Id="rId17" Type="http://schemas.openxmlformats.org/officeDocument/2006/relationships/slideLayout" Target="../slideLayouts/slideLayout58.xml"/><Relationship Id="rId25" Type="http://schemas.openxmlformats.org/officeDocument/2006/relationships/slideLayout" Target="../slideLayouts/slideLayout66.xml"/><Relationship Id="rId33" Type="http://schemas.openxmlformats.org/officeDocument/2006/relationships/slideLayout" Target="../slideLayouts/slideLayout74.xml"/><Relationship Id="rId38" Type="http://schemas.openxmlformats.org/officeDocument/2006/relationships/slideLayout" Target="../slideLayouts/slideLayout79.xml"/><Relationship Id="rId46" Type="http://schemas.openxmlformats.org/officeDocument/2006/relationships/tags" Target="../tags/tag16.xml"/><Relationship Id="rId20" Type="http://schemas.openxmlformats.org/officeDocument/2006/relationships/slideLayout" Target="../slideLayouts/slideLayout61.xml"/><Relationship Id="rId41" Type="http://schemas.openxmlformats.org/officeDocument/2006/relationships/slideLayout" Target="../slideLayouts/slideLayout82.xml"/><Relationship Id="rId54" Type="http://schemas.openxmlformats.org/officeDocument/2006/relationships/tags" Target="../tags/tag24.xml"/><Relationship Id="rId1" Type="http://schemas.openxmlformats.org/officeDocument/2006/relationships/slideLayout" Target="../slideLayouts/slideLayout42.xml"/><Relationship Id="rId6" Type="http://schemas.openxmlformats.org/officeDocument/2006/relationships/slideLayout" Target="../slideLayouts/slideLayout47.xml"/><Relationship Id="rId15" Type="http://schemas.openxmlformats.org/officeDocument/2006/relationships/slideLayout" Target="../slideLayouts/slideLayout56.xml"/><Relationship Id="rId23" Type="http://schemas.openxmlformats.org/officeDocument/2006/relationships/slideLayout" Target="../slideLayouts/slideLayout64.xml"/><Relationship Id="rId28" Type="http://schemas.openxmlformats.org/officeDocument/2006/relationships/slideLayout" Target="../slideLayouts/slideLayout69.xml"/><Relationship Id="rId36" Type="http://schemas.openxmlformats.org/officeDocument/2006/relationships/slideLayout" Target="../slideLayouts/slideLayout77.xml"/><Relationship Id="rId49" Type="http://schemas.openxmlformats.org/officeDocument/2006/relationships/tags" Target="../tags/tag19.xml"/></Relationships>
</file>

<file path=ppt/slideMasters/_rels/slideMaster3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95.xml"/><Relationship Id="rId18" Type="http://schemas.openxmlformats.org/officeDocument/2006/relationships/slideLayout" Target="../slideLayouts/slideLayout100.xml"/><Relationship Id="rId26" Type="http://schemas.openxmlformats.org/officeDocument/2006/relationships/slideLayout" Target="../slideLayouts/slideLayout108.xml"/><Relationship Id="rId39" Type="http://schemas.openxmlformats.org/officeDocument/2006/relationships/slideLayout" Target="../slideLayouts/slideLayout121.xml"/><Relationship Id="rId21" Type="http://schemas.openxmlformats.org/officeDocument/2006/relationships/slideLayout" Target="../slideLayouts/slideLayout103.xml"/><Relationship Id="rId34" Type="http://schemas.openxmlformats.org/officeDocument/2006/relationships/slideLayout" Target="../slideLayouts/slideLayout116.xml"/><Relationship Id="rId42" Type="http://schemas.openxmlformats.org/officeDocument/2006/relationships/slideLayout" Target="../slideLayouts/slideLayout124.xml"/><Relationship Id="rId47" Type="http://schemas.openxmlformats.org/officeDocument/2006/relationships/tags" Target="../tags/tag26.xml"/><Relationship Id="rId50" Type="http://schemas.openxmlformats.org/officeDocument/2006/relationships/tags" Target="../tags/tag29.xml"/><Relationship Id="rId55" Type="http://schemas.openxmlformats.org/officeDocument/2006/relationships/tags" Target="../tags/tag34.xml"/><Relationship Id="rId7" Type="http://schemas.openxmlformats.org/officeDocument/2006/relationships/slideLayout" Target="../slideLayouts/slideLayout89.xml"/><Relationship Id="rId2" Type="http://schemas.openxmlformats.org/officeDocument/2006/relationships/slideLayout" Target="../slideLayouts/slideLayout84.xml"/><Relationship Id="rId16" Type="http://schemas.openxmlformats.org/officeDocument/2006/relationships/slideLayout" Target="../slideLayouts/slideLayout98.xml"/><Relationship Id="rId29" Type="http://schemas.openxmlformats.org/officeDocument/2006/relationships/slideLayout" Target="../slideLayouts/slideLayout111.xml"/><Relationship Id="rId11" Type="http://schemas.openxmlformats.org/officeDocument/2006/relationships/slideLayout" Target="../slideLayouts/slideLayout93.xml"/><Relationship Id="rId24" Type="http://schemas.openxmlformats.org/officeDocument/2006/relationships/slideLayout" Target="../slideLayouts/slideLayout106.xml"/><Relationship Id="rId32" Type="http://schemas.openxmlformats.org/officeDocument/2006/relationships/slideLayout" Target="../slideLayouts/slideLayout114.xml"/><Relationship Id="rId37" Type="http://schemas.openxmlformats.org/officeDocument/2006/relationships/slideLayout" Target="../slideLayouts/slideLayout119.xml"/><Relationship Id="rId40" Type="http://schemas.openxmlformats.org/officeDocument/2006/relationships/slideLayout" Target="../slideLayouts/slideLayout122.xml"/><Relationship Id="rId45" Type="http://schemas.openxmlformats.org/officeDocument/2006/relationships/theme" Target="../theme/theme3.xml"/><Relationship Id="rId53" Type="http://schemas.openxmlformats.org/officeDocument/2006/relationships/tags" Target="../tags/tag32.xml"/><Relationship Id="rId58" Type="http://schemas.openxmlformats.org/officeDocument/2006/relationships/image" Target="../media/image1.png"/><Relationship Id="rId5" Type="http://schemas.openxmlformats.org/officeDocument/2006/relationships/slideLayout" Target="../slideLayouts/slideLayout87.xml"/><Relationship Id="rId19" Type="http://schemas.openxmlformats.org/officeDocument/2006/relationships/slideLayout" Target="../slideLayouts/slideLayout101.xml"/><Relationship Id="rId4" Type="http://schemas.openxmlformats.org/officeDocument/2006/relationships/slideLayout" Target="../slideLayouts/slideLayout86.xml"/><Relationship Id="rId9" Type="http://schemas.openxmlformats.org/officeDocument/2006/relationships/slideLayout" Target="../slideLayouts/slideLayout91.xml"/><Relationship Id="rId14" Type="http://schemas.openxmlformats.org/officeDocument/2006/relationships/slideLayout" Target="../slideLayouts/slideLayout96.xml"/><Relationship Id="rId22" Type="http://schemas.openxmlformats.org/officeDocument/2006/relationships/slideLayout" Target="../slideLayouts/slideLayout104.xml"/><Relationship Id="rId27" Type="http://schemas.openxmlformats.org/officeDocument/2006/relationships/slideLayout" Target="../slideLayouts/slideLayout109.xml"/><Relationship Id="rId30" Type="http://schemas.openxmlformats.org/officeDocument/2006/relationships/slideLayout" Target="../slideLayouts/slideLayout112.xml"/><Relationship Id="rId35" Type="http://schemas.openxmlformats.org/officeDocument/2006/relationships/slideLayout" Target="../slideLayouts/slideLayout117.xml"/><Relationship Id="rId43" Type="http://schemas.openxmlformats.org/officeDocument/2006/relationships/slideLayout" Target="../slideLayouts/slideLayout125.xml"/><Relationship Id="rId48" Type="http://schemas.openxmlformats.org/officeDocument/2006/relationships/tags" Target="../tags/tag27.xml"/><Relationship Id="rId56" Type="http://schemas.openxmlformats.org/officeDocument/2006/relationships/tags" Target="../tags/tag35.xml"/><Relationship Id="rId8" Type="http://schemas.openxmlformats.org/officeDocument/2006/relationships/slideLayout" Target="../slideLayouts/slideLayout90.xml"/><Relationship Id="rId51" Type="http://schemas.openxmlformats.org/officeDocument/2006/relationships/tags" Target="../tags/tag30.xml"/><Relationship Id="rId3" Type="http://schemas.openxmlformats.org/officeDocument/2006/relationships/slideLayout" Target="../slideLayouts/slideLayout85.xml"/><Relationship Id="rId12" Type="http://schemas.openxmlformats.org/officeDocument/2006/relationships/slideLayout" Target="../slideLayouts/slideLayout94.xml"/><Relationship Id="rId17" Type="http://schemas.openxmlformats.org/officeDocument/2006/relationships/slideLayout" Target="../slideLayouts/slideLayout99.xml"/><Relationship Id="rId25" Type="http://schemas.openxmlformats.org/officeDocument/2006/relationships/slideLayout" Target="../slideLayouts/slideLayout107.xml"/><Relationship Id="rId33" Type="http://schemas.openxmlformats.org/officeDocument/2006/relationships/slideLayout" Target="../slideLayouts/slideLayout115.xml"/><Relationship Id="rId38" Type="http://schemas.openxmlformats.org/officeDocument/2006/relationships/slideLayout" Target="../slideLayouts/slideLayout120.xml"/><Relationship Id="rId46" Type="http://schemas.openxmlformats.org/officeDocument/2006/relationships/tags" Target="../tags/tag25.xml"/><Relationship Id="rId59" Type="http://schemas.openxmlformats.org/officeDocument/2006/relationships/image" Target="../media/image2.svg"/><Relationship Id="rId20" Type="http://schemas.openxmlformats.org/officeDocument/2006/relationships/slideLayout" Target="../slideLayouts/slideLayout102.xml"/><Relationship Id="rId41" Type="http://schemas.openxmlformats.org/officeDocument/2006/relationships/slideLayout" Target="../slideLayouts/slideLayout123.xml"/><Relationship Id="rId54" Type="http://schemas.openxmlformats.org/officeDocument/2006/relationships/tags" Target="../tags/tag33.xml"/><Relationship Id="rId1" Type="http://schemas.openxmlformats.org/officeDocument/2006/relationships/slideLayout" Target="../slideLayouts/slideLayout83.xml"/><Relationship Id="rId6" Type="http://schemas.openxmlformats.org/officeDocument/2006/relationships/slideLayout" Target="../slideLayouts/slideLayout88.xml"/><Relationship Id="rId15" Type="http://schemas.openxmlformats.org/officeDocument/2006/relationships/slideLayout" Target="../slideLayouts/slideLayout97.xml"/><Relationship Id="rId23" Type="http://schemas.openxmlformats.org/officeDocument/2006/relationships/slideLayout" Target="../slideLayouts/slideLayout105.xml"/><Relationship Id="rId28" Type="http://schemas.openxmlformats.org/officeDocument/2006/relationships/slideLayout" Target="../slideLayouts/slideLayout110.xml"/><Relationship Id="rId36" Type="http://schemas.openxmlformats.org/officeDocument/2006/relationships/slideLayout" Target="../slideLayouts/slideLayout118.xml"/><Relationship Id="rId49" Type="http://schemas.openxmlformats.org/officeDocument/2006/relationships/tags" Target="../tags/tag28.xml"/><Relationship Id="rId57" Type="http://schemas.openxmlformats.org/officeDocument/2006/relationships/tags" Target="../tags/tag36.xml"/><Relationship Id="rId10" Type="http://schemas.openxmlformats.org/officeDocument/2006/relationships/slideLayout" Target="../slideLayouts/slideLayout92.xml"/><Relationship Id="rId31" Type="http://schemas.openxmlformats.org/officeDocument/2006/relationships/slideLayout" Target="../slideLayouts/slideLayout113.xml"/><Relationship Id="rId44" Type="http://schemas.openxmlformats.org/officeDocument/2006/relationships/slideLayout" Target="../slideLayouts/slideLayout126.xml"/><Relationship Id="rId52" Type="http://schemas.openxmlformats.org/officeDocument/2006/relationships/tags" Target="../tags/tag31.xml"/></Relationships>
</file>

<file path=ppt/slideMasters/_rels/slideMaster4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9.xml"/><Relationship Id="rId18" Type="http://schemas.openxmlformats.org/officeDocument/2006/relationships/slideLayout" Target="../slideLayouts/slideLayout144.xml"/><Relationship Id="rId26" Type="http://schemas.openxmlformats.org/officeDocument/2006/relationships/slideLayout" Target="../slideLayouts/slideLayout152.xml"/><Relationship Id="rId39" Type="http://schemas.openxmlformats.org/officeDocument/2006/relationships/slideLayout" Target="../slideLayouts/slideLayout165.xml"/><Relationship Id="rId21" Type="http://schemas.openxmlformats.org/officeDocument/2006/relationships/slideLayout" Target="../slideLayouts/slideLayout147.xml"/><Relationship Id="rId34" Type="http://schemas.openxmlformats.org/officeDocument/2006/relationships/slideLayout" Target="../slideLayouts/slideLayout160.xml"/><Relationship Id="rId42" Type="http://schemas.openxmlformats.org/officeDocument/2006/relationships/tags" Target="../tags/tag37.xml"/><Relationship Id="rId47" Type="http://schemas.openxmlformats.org/officeDocument/2006/relationships/tags" Target="../tags/tag42.xml"/><Relationship Id="rId50" Type="http://schemas.openxmlformats.org/officeDocument/2006/relationships/tags" Target="../tags/tag45.xml"/><Relationship Id="rId55" Type="http://schemas.openxmlformats.org/officeDocument/2006/relationships/image" Target="../media/image2.svg"/><Relationship Id="rId7" Type="http://schemas.openxmlformats.org/officeDocument/2006/relationships/slideLayout" Target="../slideLayouts/slideLayout133.xml"/><Relationship Id="rId2" Type="http://schemas.openxmlformats.org/officeDocument/2006/relationships/slideLayout" Target="../slideLayouts/slideLayout128.xml"/><Relationship Id="rId16" Type="http://schemas.openxmlformats.org/officeDocument/2006/relationships/slideLayout" Target="../slideLayouts/slideLayout142.xml"/><Relationship Id="rId29" Type="http://schemas.openxmlformats.org/officeDocument/2006/relationships/slideLayout" Target="../slideLayouts/slideLayout155.xml"/><Relationship Id="rId11" Type="http://schemas.openxmlformats.org/officeDocument/2006/relationships/slideLayout" Target="../slideLayouts/slideLayout137.xml"/><Relationship Id="rId24" Type="http://schemas.openxmlformats.org/officeDocument/2006/relationships/slideLayout" Target="../slideLayouts/slideLayout150.xml"/><Relationship Id="rId32" Type="http://schemas.openxmlformats.org/officeDocument/2006/relationships/slideLayout" Target="../slideLayouts/slideLayout158.xml"/><Relationship Id="rId37" Type="http://schemas.openxmlformats.org/officeDocument/2006/relationships/slideLayout" Target="../slideLayouts/slideLayout163.xml"/><Relationship Id="rId40" Type="http://schemas.openxmlformats.org/officeDocument/2006/relationships/slideLayout" Target="../slideLayouts/slideLayout166.xml"/><Relationship Id="rId45" Type="http://schemas.openxmlformats.org/officeDocument/2006/relationships/tags" Target="../tags/tag40.xml"/><Relationship Id="rId53" Type="http://schemas.openxmlformats.org/officeDocument/2006/relationships/tags" Target="../tags/tag48.xml"/><Relationship Id="rId5" Type="http://schemas.openxmlformats.org/officeDocument/2006/relationships/slideLayout" Target="../slideLayouts/slideLayout131.xml"/><Relationship Id="rId10" Type="http://schemas.openxmlformats.org/officeDocument/2006/relationships/slideLayout" Target="../slideLayouts/slideLayout136.xml"/><Relationship Id="rId19" Type="http://schemas.openxmlformats.org/officeDocument/2006/relationships/slideLayout" Target="../slideLayouts/slideLayout145.xml"/><Relationship Id="rId31" Type="http://schemas.openxmlformats.org/officeDocument/2006/relationships/slideLayout" Target="../slideLayouts/slideLayout157.xml"/><Relationship Id="rId44" Type="http://schemas.openxmlformats.org/officeDocument/2006/relationships/tags" Target="../tags/tag39.xml"/><Relationship Id="rId52" Type="http://schemas.openxmlformats.org/officeDocument/2006/relationships/tags" Target="../tags/tag47.xml"/><Relationship Id="rId4" Type="http://schemas.openxmlformats.org/officeDocument/2006/relationships/slideLayout" Target="../slideLayouts/slideLayout130.xml"/><Relationship Id="rId9" Type="http://schemas.openxmlformats.org/officeDocument/2006/relationships/slideLayout" Target="../slideLayouts/slideLayout135.xml"/><Relationship Id="rId14" Type="http://schemas.openxmlformats.org/officeDocument/2006/relationships/slideLayout" Target="../slideLayouts/slideLayout140.xml"/><Relationship Id="rId22" Type="http://schemas.openxmlformats.org/officeDocument/2006/relationships/slideLayout" Target="../slideLayouts/slideLayout148.xml"/><Relationship Id="rId27" Type="http://schemas.openxmlformats.org/officeDocument/2006/relationships/slideLayout" Target="../slideLayouts/slideLayout153.xml"/><Relationship Id="rId30" Type="http://schemas.openxmlformats.org/officeDocument/2006/relationships/slideLayout" Target="../slideLayouts/slideLayout156.xml"/><Relationship Id="rId35" Type="http://schemas.openxmlformats.org/officeDocument/2006/relationships/slideLayout" Target="../slideLayouts/slideLayout161.xml"/><Relationship Id="rId43" Type="http://schemas.openxmlformats.org/officeDocument/2006/relationships/tags" Target="../tags/tag38.xml"/><Relationship Id="rId48" Type="http://schemas.openxmlformats.org/officeDocument/2006/relationships/tags" Target="../tags/tag43.xml"/><Relationship Id="rId8" Type="http://schemas.openxmlformats.org/officeDocument/2006/relationships/slideLayout" Target="../slideLayouts/slideLayout134.xml"/><Relationship Id="rId51" Type="http://schemas.openxmlformats.org/officeDocument/2006/relationships/tags" Target="../tags/tag46.xml"/><Relationship Id="rId3" Type="http://schemas.openxmlformats.org/officeDocument/2006/relationships/slideLayout" Target="../slideLayouts/slideLayout129.xml"/><Relationship Id="rId12" Type="http://schemas.openxmlformats.org/officeDocument/2006/relationships/slideLayout" Target="../slideLayouts/slideLayout138.xml"/><Relationship Id="rId17" Type="http://schemas.openxmlformats.org/officeDocument/2006/relationships/slideLayout" Target="../slideLayouts/slideLayout143.xml"/><Relationship Id="rId25" Type="http://schemas.openxmlformats.org/officeDocument/2006/relationships/slideLayout" Target="../slideLayouts/slideLayout151.xml"/><Relationship Id="rId33" Type="http://schemas.openxmlformats.org/officeDocument/2006/relationships/slideLayout" Target="../slideLayouts/slideLayout159.xml"/><Relationship Id="rId38" Type="http://schemas.openxmlformats.org/officeDocument/2006/relationships/slideLayout" Target="../slideLayouts/slideLayout164.xml"/><Relationship Id="rId46" Type="http://schemas.openxmlformats.org/officeDocument/2006/relationships/tags" Target="../tags/tag41.xml"/><Relationship Id="rId20" Type="http://schemas.openxmlformats.org/officeDocument/2006/relationships/slideLayout" Target="../slideLayouts/slideLayout146.xml"/><Relationship Id="rId41" Type="http://schemas.openxmlformats.org/officeDocument/2006/relationships/theme" Target="../theme/theme4.xml"/><Relationship Id="rId54" Type="http://schemas.openxmlformats.org/officeDocument/2006/relationships/image" Target="../media/image1.png"/><Relationship Id="rId1" Type="http://schemas.openxmlformats.org/officeDocument/2006/relationships/slideLayout" Target="../slideLayouts/slideLayout127.xml"/><Relationship Id="rId6" Type="http://schemas.openxmlformats.org/officeDocument/2006/relationships/slideLayout" Target="../slideLayouts/slideLayout132.xml"/><Relationship Id="rId15" Type="http://schemas.openxmlformats.org/officeDocument/2006/relationships/slideLayout" Target="../slideLayouts/slideLayout141.xml"/><Relationship Id="rId23" Type="http://schemas.openxmlformats.org/officeDocument/2006/relationships/slideLayout" Target="../slideLayouts/slideLayout149.xml"/><Relationship Id="rId28" Type="http://schemas.openxmlformats.org/officeDocument/2006/relationships/slideLayout" Target="../slideLayouts/slideLayout154.xml"/><Relationship Id="rId36" Type="http://schemas.openxmlformats.org/officeDocument/2006/relationships/slideLayout" Target="../slideLayouts/slideLayout162.xml"/><Relationship Id="rId49" Type="http://schemas.openxmlformats.org/officeDocument/2006/relationships/tags" Target="../tags/tag44.xml"/></Relationships>
</file>

<file path=ppt/slideMasters/_rels/slideMaster5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79.xml"/><Relationship Id="rId18" Type="http://schemas.openxmlformats.org/officeDocument/2006/relationships/slideLayout" Target="../slideLayouts/slideLayout184.xml"/><Relationship Id="rId26" Type="http://schemas.openxmlformats.org/officeDocument/2006/relationships/slideLayout" Target="../slideLayouts/slideLayout192.xml"/><Relationship Id="rId39" Type="http://schemas.openxmlformats.org/officeDocument/2006/relationships/slideLayout" Target="../slideLayouts/slideLayout205.xml"/><Relationship Id="rId21" Type="http://schemas.openxmlformats.org/officeDocument/2006/relationships/slideLayout" Target="../slideLayouts/slideLayout187.xml"/><Relationship Id="rId34" Type="http://schemas.openxmlformats.org/officeDocument/2006/relationships/slideLayout" Target="../slideLayouts/slideLayout200.xml"/><Relationship Id="rId42" Type="http://schemas.openxmlformats.org/officeDocument/2006/relationships/slideLayout" Target="../slideLayouts/slideLayout208.xml"/><Relationship Id="rId47" Type="http://schemas.openxmlformats.org/officeDocument/2006/relationships/tags" Target="../tags/tag50.xml"/><Relationship Id="rId50" Type="http://schemas.openxmlformats.org/officeDocument/2006/relationships/tags" Target="../tags/tag53.xml"/><Relationship Id="rId55" Type="http://schemas.openxmlformats.org/officeDocument/2006/relationships/tags" Target="../tags/tag58.xml"/><Relationship Id="rId7" Type="http://schemas.openxmlformats.org/officeDocument/2006/relationships/slideLayout" Target="../slideLayouts/slideLayout173.xml"/><Relationship Id="rId2" Type="http://schemas.openxmlformats.org/officeDocument/2006/relationships/slideLayout" Target="../slideLayouts/slideLayout168.xml"/><Relationship Id="rId16" Type="http://schemas.openxmlformats.org/officeDocument/2006/relationships/slideLayout" Target="../slideLayouts/slideLayout182.xml"/><Relationship Id="rId29" Type="http://schemas.openxmlformats.org/officeDocument/2006/relationships/slideLayout" Target="../slideLayouts/slideLayout195.xml"/><Relationship Id="rId11" Type="http://schemas.openxmlformats.org/officeDocument/2006/relationships/slideLayout" Target="../slideLayouts/slideLayout177.xml"/><Relationship Id="rId24" Type="http://schemas.openxmlformats.org/officeDocument/2006/relationships/slideLayout" Target="../slideLayouts/slideLayout190.xml"/><Relationship Id="rId32" Type="http://schemas.openxmlformats.org/officeDocument/2006/relationships/slideLayout" Target="../slideLayouts/slideLayout198.xml"/><Relationship Id="rId37" Type="http://schemas.openxmlformats.org/officeDocument/2006/relationships/slideLayout" Target="../slideLayouts/slideLayout203.xml"/><Relationship Id="rId40" Type="http://schemas.openxmlformats.org/officeDocument/2006/relationships/slideLayout" Target="../slideLayouts/slideLayout206.xml"/><Relationship Id="rId45" Type="http://schemas.openxmlformats.org/officeDocument/2006/relationships/theme" Target="../theme/theme5.xml"/><Relationship Id="rId53" Type="http://schemas.openxmlformats.org/officeDocument/2006/relationships/tags" Target="../tags/tag56.xml"/><Relationship Id="rId58" Type="http://schemas.openxmlformats.org/officeDocument/2006/relationships/image" Target="../media/image1.png"/><Relationship Id="rId5" Type="http://schemas.openxmlformats.org/officeDocument/2006/relationships/slideLayout" Target="../slideLayouts/slideLayout171.xml"/><Relationship Id="rId19" Type="http://schemas.openxmlformats.org/officeDocument/2006/relationships/slideLayout" Target="../slideLayouts/slideLayout185.xml"/><Relationship Id="rId4" Type="http://schemas.openxmlformats.org/officeDocument/2006/relationships/slideLayout" Target="../slideLayouts/slideLayout170.xml"/><Relationship Id="rId9" Type="http://schemas.openxmlformats.org/officeDocument/2006/relationships/slideLayout" Target="../slideLayouts/slideLayout175.xml"/><Relationship Id="rId14" Type="http://schemas.openxmlformats.org/officeDocument/2006/relationships/slideLayout" Target="../slideLayouts/slideLayout180.xml"/><Relationship Id="rId22" Type="http://schemas.openxmlformats.org/officeDocument/2006/relationships/slideLayout" Target="../slideLayouts/slideLayout188.xml"/><Relationship Id="rId27" Type="http://schemas.openxmlformats.org/officeDocument/2006/relationships/slideLayout" Target="../slideLayouts/slideLayout193.xml"/><Relationship Id="rId30" Type="http://schemas.openxmlformats.org/officeDocument/2006/relationships/slideLayout" Target="../slideLayouts/slideLayout196.xml"/><Relationship Id="rId35" Type="http://schemas.openxmlformats.org/officeDocument/2006/relationships/slideLayout" Target="../slideLayouts/slideLayout201.xml"/><Relationship Id="rId43" Type="http://schemas.openxmlformats.org/officeDocument/2006/relationships/slideLayout" Target="../slideLayouts/slideLayout209.xml"/><Relationship Id="rId48" Type="http://schemas.openxmlformats.org/officeDocument/2006/relationships/tags" Target="../tags/tag51.xml"/><Relationship Id="rId56" Type="http://schemas.openxmlformats.org/officeDocument/2006/relationships/tags" Target="../tags/tag59.xml"/><Relationship Id="rId8" Type="http://schemas.openxmlformats.org/officeDocument/2006/relationships/slideLayout" Target="../slideLayouts/slideLayout174.xml"/><Relationship Id="rId51" Type="http://schemas.openxmlformats.org/officeDocument/2006/relationships/tags" Target="../tags/tag54.xml"/><Relationship Id="rId3" Type="http://schemas.openxmlformats.org/officeDocument/2006/relationships/slideLayout" Target="../slideLayouts/slideLayout169.xml"/><Relationship Id="rId12" Type="http://schemas.openxmlformats.org/officeDocument/2006/relationships/slideLayout" Target="../slideLayouts/slideLayout178.xml"/><Relationship Id="rId17" Type="http://schemas.openxmlformats.org/officeDocument/2006/relationships/slideLayout" Target="../slideLayouts/slideLayout183.xml"/><Relationship Id="rId25" Type="http://schemas.openxmlformats.org/officeDocument/2006/relationships/slideLayout" Target="../slideLayouts/slideLayout191.xml"/><Relationship Id="rId33" Type="http://schemas.openxmlformats.org/officeDocument/2006/relationships/slideLayout" Target="../slideLayouts/slideLayout199.xml"/><Relationship Id="rId38" Type="http://schemas.openxmlformats.org/officeDocument/2006/relationships/slideLayout" Target="../slideLayouts/slideLayout204.xml"/><Relationship Id="rId46" Type="http://schemas.openxmlformats.org/officeDocument/2006/relationships/tags" Target="../tags/tag49.xml"/><Relationship Id="rId59" Type="http://schemas.openxmlformats.org/officeDocument/2006/relationships/image" Target="../media/image2.svg"/><Relationship Id="rId20" Type="http://schemas.openxmlformats.org/officeDocument/2006/relationships/slideLayout" Target="../slideLayouts/slideLayout186.xml"/><Relationship Id="rId41" Type="http://schemas.openxmlformats.org/officeDocument/2006/relationships/slideLayout" Target="../slideLayouts/slideLayout207.xml"/><Relationship Id="rId54" Type="http://schemas.openxmlformats.org/officeDocument/2006/relationships/tags" Target="../tags/tag57.xml"/><Relationship Id="rId1" Type="http://schemas.openxmlformats.org/officeDocument/2006/relationships/slideLayout" Target="../slideLayouts/slideLayout167.xml"/><Relationship Id="rId6" Type="http://schemas.openxmlformats.org/officeDocument/2006/relationships/slideLayout" Target="../slideLayouts/slideLayout172.xml"/><Relationship Id="rId15" Type="http://schemas.openxmlformats.org/officeDocument/2006/relationships/slideLayout" Target="../slideLayouts/slideLayout181.xml"/><Relationship Id="rId23" Type="http://schemas.openxmlformats.org/officeDocument/2006/relationships/slideLayout" Target="../slideLayouts/slideLayout189.xml"/><Relationship Id="rId28" Type="http://schemas.openxmlformats.org/officeDocument/2006/relationships/slideLayout" Target="../slideLayouts/slideLayout194.xml"/><Relationship Id="rId36" Type="http://schemas.openxmlformats.org/officeDocument/2006/relationships/slideLayout" Target="../slideLayouts/slideLayout202.xml"/><Relationship Id="rId49" Type="http://schemas.openxmlformats.org/officeDocument/2006/relationships/tags" Target="../tags/tag52.xml"/><Relationship Id="rId57" Type="http://schemas.openxmlformats.org/officeDocument/2006/relationships/tags" Target="../tags/tag60.xml"/><Relationship Id="rId10" Type="http://schemas.openxmlformats.org/officeDocument/2006/relationships/slideLayout" Target="../slideLayouts/slideLayout176.xml"/><Relationship Id="rId31" Type="http://schemas.openxmlformats.org/officeDocument/2006/relationships/slideLayout" Target="../slideLayouts/slideLayout197.xml"/><Relationship Id="rId44" Type="http://schemas.openxmlformats.org/officeDocument/2006/relationships/slideLayout" Target="../slideLayouts/slideLayout210.xml"/><Relationship Id="rId52" Type="http://schemas.openxmlformats.org/officeDocument/2006/relationships/tags" Target="../tags/tag55.xml"/></Relationships>
</file>

<file path=ppt/slideMasters/_rels/slideMaster6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23.xml"/><Relationship Id="rId18" Type="http://schemas.openxmlformats.org/officeDocument/2006/relationships/slideLayout" Target="../slideLayouts/slideLayout228.xml"/><Relationship Id="rId26" Type="http://schemas.openxmlformats.org/officeDocument/2006/relationships/slideLayout" Target="../slideLayouts/slideLayout236.xml"/><Relationship Id="rId39" Type="http://schemas.openxmlformats.org/officeDocument/2006/relationships/slideLayout" Target="../slideLayouts/slideLayout249.xml"/><Relationship Id="rId21" Type="http://schemas.openxmlformats.org/officeDocument/2006/relationships/slideLayout" Target="../slideLayouts/slideLayout231.xml"/><Relationship Id="rId34" Type="http://schemas.openxmlformats.org/officeDocument/2006/relationships/slideLayout" Target="../slideLayouts/slideLayout244.xml"/><Relationship Id="rId42" Type="http://schemas.openxmlformats.org/officeDocument/2006/relationships/tags" Target="../tags/tag62.xml"/><Relationship Id="rId47" Type="http://schemas.openxmlformats.org/officeDocument/2006/relationships/tags" Target="../tags/tag67.xml"/><Relationship Id="rId50" Type="http://schemas.openxmlformats.org/officeDocument/2006/relationships/tags" Target="../tags/tag70.xml"/><Relationship Id="rId7" Type="http://schemas.openxmlformats.org/officeDocument/2006/relationships/slideLayout" Target="../slideLayouts/slideLayout217.xml"/><Relationship Id="rId2" Type="http://schemas.openxmlformats.org/officeDocument/2006/relationships/slideLayout" Target="../slideLayouts/slideLayout212.xml"/><Relationship Id="rId16" Type="http://schemas.openxmlformats.org/officeDocument/2006/relationships/slideLayout" Target="../slideLayouts/slideLayout226.xml"/><Relationship Id="rId29" Type="http://schemas.openxmlformats.org/officeDocument/2006/relationships/slideLayout" Target="../slideLayouts/slideLayout239.xml"/><Relationship Id="rId11" Type="http://schemas.openxmlformats.org/officeDocument/2006/relationships/slideLayout" Target="../slideLayouts/slideLayout221.xml"/><Relationship Id="rId24" Type="http://schemas.openxmlformats.org/officeDocument/2006/relationships/slideLayout" Target="../slideLayouts/slideLayout234.xml"/><Relationship Id="rId32" Type="http://schemas.openxmlformats.org/officeDocument/2006/relationships/slideLayout" Target="../slideLayouts/slideLayout242.xml"/><Relationship Id="rId37" Type="http://schemas.openxmlformats.org/officeDocument/2006/relationships/slideLayout" Target="../slideLayouts/slideLayout247.xml"/><Relationship Id="rId40" Type="http://schemas.openxmlformats.org/officeDocument/2006/relationships/theme" Target="../theme/theme6.xml"/><Relationship Id="rId45" Type="http://schemas.openxmlformats.org/officeDocument/2006/relationships/tags" Target="../tags/tag65.xml"/><Relationship Id="rId53" Type="http://schemas.openxmlformats.org/officeDocument/2006/relationships/image" Target="../media/image1.png"/><Relationship Id="rId5" Type="http://schemas.openxmlformats.org/officeDocument/2006/relationships/slideLayout" Target="../slideLayouts/slideLayout215.xml"/><Relationship Id="rId10" Type="http://schemas.openxmlformats.org/officeDocument/2006/relationships/slideLayout" Target="../slideLayouts/slideLayout220.xml"/><Relationship Id="rId19" Type="http://schemas.openxmlformats.org/officeDocument/2006/relationships/slideLayout" Target="../slideLayouts/slideLayout229.xml"/><Relationship Id="rId31" Type="http://schemas.openxmlformats.org/officeDocument/2006/relationships/slideLayout" Target="../slideLayouts/slideLayout241.xml"/><Relationship Id="rId44" Type="http://schemas.openxmlformats.org/officeDocument/2006/relationships/tags" Target="../tags/tag64.xml"/><Relationship Id="rId52" Type="http://schemas.openxmlformats.org/officeDocument/2006/relationships/tags" Target="../tags/tag72.xml"/><Relationship Id="rId4" Type="http://schemas.openxmlformats.org/officeDocument/2006/relationships/slideLayout" Target="../slideLayouts/slideLayout214.xml"/><Relationship Id="rId9" Type="http://schemas.openxmlformats.org/officeDocument/2006/relationships/slideLayout" Target="../slideLayouts/slideLayout219.xml"/><Relationship Id="rId14" Type="http://schemas.openxmlformats.org/officeDocument/2006/relationships/slideLayout" Target="../slideLayouts/slideLayout224.xml"/><Relationship Id="rId22" Type="http://schemas.openxmlformats.org/officeDocument/2006/relationships/slideLayout" Target="../slideLayouts/slideLayout232.xml"/><Relationship Id="rId27" Type="http://schemas.openxmlformats.org/officeDocument/2006/relationships/slideLayout" Target="../slideLayouts/slideLayout237.xml"/><Relationship Id="rId30" Type="http://schemas.openxmlformats.org/officeDocument/2006/relationships/slideLayout" Target="../slideLayouts/slideLayout240.xml"/><Relationship Id="rId35" Type="http://schemas.openxmlformats.org/officeDocument/2006/relationships/slideLayout" Target="../slideLayouts/slideLayout245.xml"/><Relationship Id="rId43" Type="http://schemas.openxmlformats.org/officeDocument/2006/relationships/tags" Target="../tags/tag63.xml"/><Relationship Id="rId48" Type="http://schemas.openxmlformats.org/officeDocument/2006/relationships/tags" Target="../tags/tag68.xml"/><Relationship Id="rId8" Type="http://schemas.openxmlformats.org/officeDocument/2006/relationships/slideLayout" Target="../slideLayouts/slideLayout218.xml"/><Relationship Id="rId51" Type="http://schemas.openxmlformats.org/officeDocument/2006/relationships/tags" Target="../tags/tag71.xml"/><Relationship Id="rId3" Type="http://schemas.openxmlformats.org/officeDocument/2006/relationships/slideLayout" Target="../slideLayouts/slideLayout213.xml"/><Relationship Id="rId12" Type="http://schemas.openxmlformats.org/officeDocument/2006/relationships/slideLayout" Target="../slideLayouts/slideLayout222.xml"/><Relationship Id="rId17" Type="http://schemas.openxmlformats.org/officeDocument/2006/relationships/slideLayout" Target="../slideLayouts/slideLayout227.xml"/><Relationship Id="rId25" Type="http://schemas.openxmlformats.org/officeDocument/2006/relationships/slideLayout" Target="../slideLayouts/slideLayout235.xml"/><Relationship Id="rId33" Type="http://schemas.openxmlformats.org/officeDocument/2006/relationships/slideLayout" Target="../slideLayouts/slideLayout243.xml"/><Relationship Id="rId38" Type="http://schemas.openxmlformats.org/officeDocument/2006/relationships/slideLayout" Target="../slideLayouts/slideLayout248.xml"/><Relationship Id="rId46" Type="http://schemas.openxmlformats.org/officeDocument/2006/relationships/tags" Target="../tags/tag66.xml"/><Relationship Id="rId20" Type="http://schemas.openxmlformats.org/officeDocument/2006/relationships/slideLayout" Target="../slideLayouts/slideLayout230.xml"/><Relationship Id="rId41" Type="http://schemas.openxmlformats.org/officeDocument/2006/relationships/tags" Target="../tags/tag61.xml"/><Relationship Id="rId54" Type="http://schemas.openxmlformats.org/officeDocument/2006/relationships/image" Target="../media/image15.svg"/><Relationship Id="rId1" Type="http://schemas.openxmlformats.org/officeDocument/2006/relationships/slideLayout" Target="../slideLayouts/slideLayout211.xml"/><Relationship Id="rId6" Type="http://schemas.openxmlformats.org/officeDocument/2006/relationships/slideLayout" Target="../slideLayouts/slideLayout216.xml"/><Relationship Id="rId15" Type="http://schemas.openxmlformats.org/officeDocument/2006/relationships/slideLayout" Target="../slideLayouts/slideLayout225.xml"/><Relationship Id="rId23" Type="http://schemas.openxmlformats.org/officeDocument/2006/relationships/slideLayout" Target="../slideLayouts/slideLayout233.xml"/><Relationship Id="rId28" Type="http://schemas.openxmlformats.org/officeDocument/2006/relationships/slideLayout" Target="../slideLayouts/slideLayout238.xml"/><Relationship Id="rId36" Type="http://schemas.openxmlformats.org/officeDocument/2006/relationships/slideLayout" Target="../slideLayouts/slideLayout246.xml"/><Relationship Id="rId49" Type="http://schemas.openxmlformats.org/officeDocument/2006/relationships/tags" Target="../tags/tag69.xml"/></Relationships>
</file>

<file path=ppt/slideMasters/_rels/slideMaster7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262.xml"/><Relationship Id="rId18" Type="http://schemas.openxmlformats.org/officeDocument/2006/relationships/slideLayout" Target="../slideLayouts/slideLayout267.xml"/><Relationship Id="rId26" Type="http://schemas.openxmlformats.org/officeDocument/2006/relationships/slideLayout" Target="../slideLayouts/slideLayout275.xml"/><Relationship Id="rId39" Type="http://schemas.openxmlformats.org/officeDocument/2006/relationships/slideLayout" Target="../slideLayouts/slideLayout288.xml"/><Relationship Id="rId21" Type="http://schemas.openxmlformats.org/officeDocument/2006/relationships/slideLayout" Target="../slideLayouts/slideLayout270.xml"/><Relationship Id="rId34" Type="http://schemas.openxmlformats.org/officeDocument/2006/relationships/slideLayout" Target="../slideLayouts/slideLayout283.xml"/><Relationship Id="rId42" Type="http://schemas.openxmlformats.org/officeDocument/2006/relationships/tags" Target="../tags/tag74.xml"/><Relationship Id="rId47" Type="http://schemas.openxmlformats.org/officeDocument/2006/relationships/tags" Target="../tags/tag79.xml"/><Relationship Id="rId50" Type="http://schemas.openxmlformats.org/officeDocument/2006/relationships/tags" Target="../tags/tag82.xml"/><Relationship Id="rId7" Type="http://schemas.openxmlformats.org/officeDocument/2006/relationships/slideLayout" Target="../slideLayouts/slideLayout256.xml"/><Relationship Id="rId2" Type="http://schemas.openxmlformats.org/officeDocument/2006/relationships/slideLayout" Target="../slideLayouts/slideLayout251.xml"/><Relationship Id="rId16" Type="http://schemas.openxmlformats.org/officeDocument/2006/relationships/slideLayout" Target="../slideLayouts/slideLayout265.xml"/><Relationship Id="rId29" Type="http://schemas.openxmlformats.org/officeDocument/2006/relationships/slideLayout" Target="../slideLayouts/slideLayout278.xml"/><Relationship Id="rId11" Type="http://schemas.openxmlformats.org/officeDocument/2006/relationships/slideLayout" Target="../slideLayouts/slideLayout260.xml"/><Relationship Id="rId24" Type="http://schemas.openxmlformats.org/officeDocument/2006/relationships/slideLayout" Target="../slideLayouts/slideLayout273.xml"/><Relationship Id="rId32" Type="http://schemas.openxmlformats.org/officeDocument/2006/relationships/slideLayout" Target="../slideLayouts/slideLayout281.xml"/><Relationship Id="rId37" Type="http://schemas.openxmlformats.org/officeDocument/2006/relationships/slideLayout" Target="../slideLayouts/slideLayout286.xml"/><Relationship Id="rId40" Type="http://schemas.openxmlformats.org/officeDocument/2006/relationships/theme" Target="../theme/theme7.xml"/><Relationship Id="rId45" Type="http://schemas.openxmlformats.org/officeDocument/2006/relationships/tags" Target="../tags/tag77.xml"/><Relationship Id="rId53" Type="http://schemas.openxmlformats.org/officeDocument/2006/relationships/image" Target="../media/image1.png"/><Relationship Id="rId5" Type="http://schemas.openxmlformats.org/officeDocument/2006/relationships/slideLayout" Target="../slideLayouts/slideLayout254.xml"/><Relationship Id="rId10" Type="http://schemas.openxmlformats.org/officeDocument/2006/relationships/slideLayout" Target="../slideLayouts/slideLayout259.xml"/><Relationship Id="rId19" Type="http://schemas.openxmlformats.org/officeDocument/2006/relationships/slideLayout" Target="../slideLayouts/slideLayout268.xml"/><Relationship Id="rId31" Type="http://schemas.openxmlformats.org/officeDocument/2006/relationships/slideLayout" Target="../slideLayouts/slideLayout280.xml"/><Relationship Id="rId44" Type="http://schemas.openxmlformats.org/officeDocument/2006/relationships/tags" Target="../tags/tag76.xml"/><Relationship Id="rId52" Type="http://schemas.openxmlformats.org/officeDocument/2006/relationships/tags" Target="../tags/tag84.xml"/><Relationship Id="rId4" Type="http://schemas.openxmlformats.org/officeDocument/2006/relationships/slideLayout" Target="../slideLayouts/slideLayout253.xml"/><Relationship Id="rId9" Type="http://schemas.openxmlformats.org/officeDocument/2006/relationships/slideLayout" Target="../slideLayouts/slideLayout258.xml"/><Relationship Id="rId14" Type="http://schemas.openxmlformats.org/officeDocument/2006/relationships/slideLayout" Target="../slideLayouts/slideLayout263.xml"/><Relationship Id="rId22" Type="http://schemas.openxmlformats.org/officeDocument/2006/relationships/slideLayout" Target="../slideLayouts/slideLayout271.xml"/><Relationship Id="rId27" Type="http://schemas.openxmlformats.org/officeDocument/2006/relationships/slideLayout" Target="../slideLayouts/slideLayout276.xml"/><Relationship Id="rId30" Type="http://schemas.openxmlformats.org/officeDocument/2006/relationships/slideLayout" Target="../slideLayouts/slideLayout279.xml"/><Relationship Id="rId35" Type="http://schemas.openxmlformats.org/officeDocument/2006/relationships/slideLayout" Target="../slideLayouts/slideLayout284.xml"/><Relationship Id="rId43" Type="http://schemas.openxmlformats.org/officeDocument/2006/relationships/tags" Target="../tags/tag75.xml"/><Relationship Id="rId48" Type="http://schemas.openxmlformats.org/officeDocument/2006/relationships/tags" Target="../tags/tag80.xml"/><Relationship Id="rId8" Type="http://schemas.openxmlformats.org/officeDocument/2006/relationships/slideLayout" Target="../slideLayouts/slideLayout257.xml"/><Relationship Id="rId51" Type="http://schemas.openxmlformats.org/officeDocument/2006/relationships/tags" Target="../tags/tag83.xml"/><Relationship Id="rId3" Type="http://schemas.openxmlformats.org/officeDocument/2006/relationships/slideLayout" Target="../slideLayouts/slideLayout252.xml"/><Relationship Id="rId12" Type="http://schemas.openxmlformats.org/officeDocument/2006/relationships/slideLayout" Target="../slideLayouts/slideLayout261.xml"/><Relationship Id="rId17" Type="http://schemas.openxmlformats.org/officeDocument/2006/relationships/slideLayout" Target="../slideLayouts/slideLayout266.xml"/><Relationship Id="rId25" Type="http://schemas.openxmlformats.org/officeDocument/2006/relationships/slideLayout" Target="../slideLayouts/slideLayout274.xml"/><Relationship Id="rId33" Type="http://schemas.openxmlformats.org/officeDocument/2006/relationships/slideLayout" Target="../slideLayouts/slideLayout282.xml"/><Relationship Id="rId38" Type="http://schemas.openxmlformats.org/officeDocument/2006/relationships/slideLayout" Target="../slideLayouts/slideLayout287.xml"/><Relationship Id="rId46" Type="http://schemas.openxmlformats.org/officeDocument/2006/relationships/tags" Target="../tags/tag78.xml"/><Relationship Id="rId20" Type="http://schemas.openxmlformats.org/officeDocument/2006/relationships/slideLayout" Target="../slideLayouts/slideLayout269.xml"/><Relationship Id="rId41" Type="http://schemas.openxmlformats.org/officeDocument/2006/relationships/tags" Target="../tags/tag73.xml"/><Relationship Id="rId54" Type="http://schemas.openxmlformats.org/officeDocument/2006/relationships/image" Target="../media/image2.svg"/><Relationship Id="rId1" Type="http://schemas.openxmlformats.org/officeDocument/2006/relationships/slideLayout" Target="../slideLayouts/slideLayout250.xml"/><Relationship Id="rId6" Type="http://schemas.openxmlformats.org/officeDocument/2006/relationships/slideLayout" Target="../slideLayouts/slideLayout255.xml"/><Relationship Id="rId15" Type="http://schemas.openxmlformats.org/officeDocument/2006/relationships/slideLayout" Target="../slideLayouts/slideLayout264.xml"/><Relationship Id="rId23" Type="http://schemas.openxmlformats.org/officeDocument/2006/relationships/slideLayout" Target="../slideLayouts/slideLayout272.xml"/><Relationship Id="rId28" Type="http://schemas.openxmlformats.org/officeDocument/2006/relationships/slideLayout" Target="../slideLayouts/slideLayout277.xml"/><Relationship Id="rId36" Type="http://schemas.openxmlformats.org/officeDocument/2006/relationships/slideLayout" Target="../slideLayouts/slideLayout285.xml"/><Relationship Id="rId49" Type="http://schemas.openxmlformats.org/officeDocument/2006/relationships/tags" Target="../tags/tag81.xml"/></Relationships>
</file>

<file path=ppt/slideMasters/_rels/slideMaster8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01.xml"/><Relationship Id="rId18" Type="http://schemas.openxmlformats.org/officeDocument/2006/relationships/slideLayout" Target="../slideLayouts/slideLayout306.xml"/><Relationship Id="rId26" Type="http://schemas.openxmlformats.org/officeDocument/2006/relationships/slideLayout" Target="../slideLayouts/slideLayout314.xml"/><Relationship Id="rId39" Type="http://schemas.openxmlformats.org/officeDocument/2006/relationships/slideLayout" Target="../slideLayouts/slideLayout327.xml"/><Relationship Id="rId21" Type="http://schemas.openxmlformats.org/officeDocument/2006/relationships/slideLayout" Target="../slideLayouts/slideLayout309.xml"/><Relationship Id="rId34" Type="http://schemas.openxmlformats.org/officeDocument/2006/relationships/slideLayout" Target="../slideLayouts/slideLayout322.xml"/><Relationship Id="rId42" Type="http://schemas.openxmlformats.org/officeDocument/2006/relationships/tags" Target="../tags/tag86.xml"/><Relationship Id="rId47" Type="http://schemas.openxmlformats.org/officeDocument/2006/relationships/tags" Target="../tags/tag91.xml"/><Relationship Id="rId50" Type="http://schemas.openxmlformats.org/officeDocument/2006/relationships/tags" Target="../tags/tag94.xml"/><Relationship Id="rId7" Type="http://schemas.openxmlformats.org/officeDocument/2006/relationships/slideLayout" Target="../slideLayouts/slideLayout295.xml"/><Relationship Id="rId2" Type="http://schemas.openxmlformats.org/officeDocument/2006/relationships/slideLayout" Target="../slideLayouts/slideLayout290.xml"/><Relationship Id="rId16" Type="http://schemas.openxmlformats.org/officeDocument/2006/relationships/slideLayout" Target="../slideLayouts/slideLayout304.xml"/><Relationship Id="rId29" Type="http://schemas.openxmlformats.org/officeDocument/2006/relationships/slideLayout" Target="../slideLayouts/slideLayout317.xml"/><Relationship Id="rId11" Type="http://schemas.openxmlformats.org/officeDocument/2006/relationships/slideLayout" Target="../slideLayouts/slideLayout299.xml"/><Relationship Id="rId24" Type="http://schemas.openxmlformats.org/officeDocument/2006/relationships/slideLayout" Target="../slideLayouts/slideLayout312.xml"/><Relationship Id="rId32" Type="http://schemas.openxmlformats.org/officeDocument/2006/relationships/slideLayout" Target="../slideLayouts/slideLayout320.xml"/><Relationship Id="rId37" Type="http://schemas.openxmlformats.org/officeDocument/2006/relationships/slideLayout" Target="../slideLayouts/slideLayout325.xml"/><Relationship Id="rId40" Type="http://schemas.openxmlformats.org/officeDocument/2006/relationships/theme" Target="../theme/theme8.xml"/><Relationship Id="rId45" Type="http://schemas.openxmlformats.org/officeDocument/2006/relationships/tags" Target="../tags/tag89.xml"/><Relationship Id="rId53" Type="http://schemas.openxmlformats.org/officeDocument/2006/relationships/image" Target="../media/image1.png"/><Relationship Id="rId5" Type="http://schemas.openxmlformats.org/officeDocument/2006/relationships/slideLayout" Target="../slideLayouts/slideLayout293.xml"/><Relationship Id="rId10" Type="http://schemas.openxmlformats.org/officeDocument/2006/relationships/slideLayout" Target="../slideLayouts/slideLayout298.xml"/><Relationship Id="rId19" Type="http://schemas.openxmlformats.org/officeDocument/2006/relationships/slideLayout" Target="../slideLayouts/slideLayout307.xml"/><Relationship Id="rId31" Type="http://schemas.openxmlformats.org/officeDocument/2006/relationships/slideLayout" Target="../slideLayouts/slideLayout319.xml"/><Relationship Id="rId44" Type="http://schemas.openxmlformats.org/officeDocument/2006/relationships/tags" Target="../tags/tag88.xml"/><Relationship Id="rId52" Type="http://schemas.openxmlformats.org/officeDocument/2006/relationships/tags" Target="../tags/tag96.xml"/><Relationship Id="rId4" Type="http://schemas.openxmlformats.org/officeDocument/2006/relationships/slideLayout" Target="../slideLayouts/slideLayout292.xml"/><Relationship Id="rId9" Type="http://schemas.openxmlformats.org/officeDocument/2006/relationships/slideLayout" Target="../slideLayouts/slideLayout297.xml"/><Relationship Id="rId14" Type="http://schemas.openxmlformats.org/officeDocument/2006/relationships/slideLayout" Target="../slideLayouts/slideLayout302.xml"/><Relationship Id="rId22" Type="http://schemas.openxmlformats.org/officeDocument/2006/relationships/slideLayout" Target="../slideLayouts/slideLayout310.xml"/><Relationship Id="rId27" Type="http://schemas.openxmlformats.org/officeDocument/2006/relationships/slideLayout" Target="../slideLayouts/slideLayout315.xml"/><Relationship Id="rId30" Type="http://schemas.openxmlformats.org/officeDocument/2006/relationships/slideLayout" Target="../slideLayouts/slideLayout318.xml"/><Relationship Id="rId35" Type="http://schemas.openxmlformats.org/officeDocument/2006/relationships/slideLayout" Target="../slideLayouts/slideLayout323.xml"/><Relationship Id="rId43" Type="http://schemas.openxmlformats.org/officeDocument/2006/relationships/tags" Target="../tags/tag87.xml"/><Relationship Id="rId48" Type="http://schemas.openxmlformats.org/officeDocument/2006/relationships/tags" Target="../tags/tag92.xml"/><Relationship Id="rId8" Type="http://schemas.openxmlformats.org/officeDocument/2006/relationships/slideLayout" Target="../slideLayouts/slideLayout296.xml"/><Relationship Id="rId51" Type="http://schemas.openxmlformats.org/officeDocument/2006/relationships/tags" Target="../tags/tag95.xml"/><Relationship Id="rId3" Type="http://schemas.openxmlformats.org/officeDocument/2006/relationships/slideLayout" Target="../slideLayouts/slideLayout291.xml"/><Relationship Id="rId12" Type="http://schemas.openxmlformats.org/officeDocument/2006/relationships/slideLayout" Target="../slideLayouts/slideLayout300.xml"/><Relationship Id="rId17" Type="http://schemas.openxmlformats.org/officeDocument/2006/relationships/slideLayout" Target="../slideLayouts/slideLayout305.xml"/><Relationship Id="rId25" Type="http://schemas.openxmlformats.org/officeDocument/2006/relationships/slideLayout" Target="../slideLayouts/slideLayout313.xml"/><Relationship Id="rId33" Type="http://schemas.openxmlformats.org/officeDocument/2006/relationships/slideLayout" Target="../slideLayouts/slideLayout321.xml"/><Relationship Id="rId38" Type="http://schemas.openxmlformats.org/officeDocument/2006/relationships/slideLayout" Target="../slideLayouts/slideLayout326.xml"/><Relationship Id="rId46" Type="http://schemas.openxmlformats.org/officeDocument/2006/relationships/tags" Target="../tags/tag90.xml"/><Relationship Id="rId20" Type="http://schemas.openxmlformats.org/officeDocument/2006/relationships/slideLayout" Target="../slideLayouts/slideLayout308.xml"/><Relationship Id="rId41" Type="http://schemas.openxmlformats.org/officeDocument/2006/relationships/tags" Target="../tags/tag85.xml"/><Relationship Id="rId54" Type="http://schemas.openxmlformats.org/officeDocument/2006/relationships/image" Target="../media/image15.svg"/><Relationship Id="rId1" Type="http://schemas.openxmlformats.org/officeDocument/2006/relationships/slideLayout" Target="../slideLayouts/slideLayout289.xml"/><Relationship Id="rId6" Type="http://schemas.openxmlformats.org/officeDocument/2006/relationships/slideLayout" Target="../slideLayouts/slideLayout294.xml"/><Relationship Id="rId15" Type="http://schemas.openxmlformats.org/officeDocument/2006/relationships/slideLayout" Target="../slideLayouts/slideLayout303.xml"/><Relationship Id="rId23" Type="http://schemas.openxmlformats.org/officeDocument/2006/relationships/slideLayout" Target="../slideLayouts/slideLayout311.xml"/><Relationship Id="rId28" Type="http://schemas.openxmlformats.org/officeDocument/2006/relationships/slideLayout" Target="../slideLayouts/slideLayout316.xml"/><Relationship Id="rId36" Type="http://schemas.openxmlformats.org/officeDocument/2006/relationships/slideLayout" Target="../slideLayouts/slideLayout324.xml"/><Relationship Id="rId49" Type="http://schemas.openxmlformats.org/officeDocument/2006/relationships/tags" Target="../tags/tag93.xml"/></Relationships>
</file>

<file path=ppt/slideMasters/_rels/slideMaster9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340.xml"/><Relationship Id="rId18" Type="http://schemas.openxmlformats.org/officeDocument/2006/relationships/slideLayout" Target="../slideLayouts/slideLayout345.xml"/><Relationship Id="rId26" Type="http://schemas.openxmlformats.org/officeDocument/2006/relationships/slideLayout" Target="../slideLayouts/slideLayout353.xml"/><Relationship Id="rId39" Type="http://schemas.openxmlformats.org/officeDocument/2006/relationships/slideLayout" Target="../slideLayouts/slideLayout366.xml"/><Relationship Id="rId21" Type="http://schemas.openxmlformats.org/officeDocument/2006/relationships/slideLayout" Target="../slideLayouts/slideLayout348.xml"/><Relationship Id="rId34" Type="http://schemas.openxmlformats.org/officeDocument/2006/relationships/slideLayout" Target="../slideLayouts/slideLayout361.xml"/><Relationship Id="rId42" Type="http://schemas.openxmlformats.org/officeDocument/2006/relationships/slideLayout" Target="../slideLayouts/slideLayout369.xml"/><Relationship Id="rId47" Type="http://schemas.openxmlformats.org/officeDocument/2006/relationships/tags" Target="../tags/tag98.xml"/><Relationship Id="rId50" Type="http://schemas.openxmlformats.org/officeDocument/2006/relationships/tags" Target="../tags/tag101.xml"/><Relationship Id="rId55" Type="http://schemas.openxmlformats.org/officeDocument/2006/relationships/tags" Target="../tags/tag106.xml"/><Relationship Id="rId7" Type="http://schemas.openxmlformats.org/officeDocument/2006/relationships/slideLayout" Target="../slideLayouts/slideLayout334.xml"/><Relationship Id="rId2" Type="http://schemas.openxmlformats.org/officeDocument/2006/relationships/slideLayout" Target="../slideLayouts/slideLayout329.xml"/><Relationship Id="rId16" Type="http://schemas.openxmlformats.org/officeDocument/2006/relationships/slideLayout" Target="../slideLayouts/slideLayout343.xml"/><Relationship Id="rId29" Type="http://schemas.openxmlformats.org/officeDocument/2006/relationships/slideLayout" Target="../slideLayouts/slideLayout356.xml"/><Relationship Id="rId11" Type="http://schemas.openxmlformats.org/officeDocument/2006/relationships/slideLayout" Target="../slideLayouts/slideLayout338.xml"/><Relationship Id="rId24" Type="http://schemas.openxmlformats.org/officeDocument/2006/relationships/slideLayout" Target="../slideLayouts/slideLayout351.xml"/><Relationship Id="rId32" Type="http://schemas.openxmlformats.org/officeDocument/2006/relationships/slideLayout" Target="../slideLayouts/slideLayout359.xml"/><Relationship Id="rId37" Type="http://schemas.openxmlformats.org/officeDocument/2006/relationships/slideLayout" Target="../slideLayouts/slideLayout364.xml"/><Relationship Id="rId40" Type="http://schemas.openxmlformats.org/officeDocument/2006/relationships/slideLayout" Target="../slideLayouts/slideLayout367.xml"/><Relationship Id="rId45" Type="http://schemas.openxmlformats.org/officeDocument/2006/relationships/theme" Target="../theme/theme9.xml"/><Relationship Id="rId53" Type="http://schemas.openxmlformats.org/officeDocument/2006/relationships/tags" Target="../tags/tag104.xml"/><Relationship Id="rId58" Type="http://schemas.openxmlformats.org/officeDocument/2006/relationships/image" Target="../media/image1.png"/><Relationship Id="rId5" Type="http://schemas.openxmlformats.org/officeDocument/2006/relationships/slideLayout" Target="../slideLayouts/slideLayout332.xml"/><Relationship Id="rId19" Type="http://schemas.openxmlformats.org/officeDocument/2006/relationships/slideLayout" Target="../slideLayouts/slideLayout346.xml"/><Relationship Id="rId4" Type="http://schemas.openxmlformats.org/officeDocument/2006/relationships/slideLayout" Target="../slideLayouts/slideLayout331.xml"/><Relationship Id="rId9" Type="http://schemas.openxmlformats.org/officeDocument/2006/relationships/slideLayout" Target="../slideLayouts/slideLayout336.xml"/><Relationship Id="rId14" Type="http://schemas.openxmlformats.org/officeDocument/2006/relationships/slideLayout" Target="../slideLayouts/slideLayout341.xml"/><Relationship Id="rId22" Type="http://schemas.openxmlformats.org/officeDocument/2006/relationships/slideLayout" Target="../slideLayouts/slideLayout349.xml"/><Relationship Id="rId27" Type="http://schemas.openxmlformats.org/officeDocument/2006/relationships/slideLayout" Target="../slideLayouts/slideLayout354.xml"/><Relationship Id="rId30" Type="http://schemas.openxmlformats.org/officeDocument/2006/relationships/slideLayout" Target="../slideLayouts/slideLayout357.xml"/><Relationship Id="rId35" Type="http://schemas.openxmlformats.org/officeDocument/2006/relationships/slideLayout" Target="../slideLayouts/slideLayout362.xml"/><Relationship Id="rId43" Type="http://schemas.openxmlformats.org/officeDocument/2006/relationships/slideLayout" Target="../slideLayouts/slideLayout370.xml"/><Relationship Id="rId48" Type="http://schemas.openxmlformats.org/officeDocument/2006/relationships/tags" Target="../tags/tag99.xml"/><Relationship Id="rId56" Type="http://schemas.openxmlformats.org/officeDocument/2006/relationships/tags" Target="../tags/tag107.xml"/><Relationship Id="rId8" Type="http://schemas.openxmlformats.org/officeDocument/2006/relationships/slideLayout" Target="../slideLayouts/slideLayout335.xml"/><Relationship Id="rId51" Type="http://schemas.openxmlformats.org/officeDocument/2006/relationships/tags" Target="../tags/tag102.xml"/><Relationship Id="rId3" Type="http://schemas.openxmlformats.org/officeDocument/2006/relationships/slideLayout" Target="../slideLayouts/slideLayout330.xml"/><Relationship Id="rId12" Type="http://schemas.openxmlformats.org/officeDocument/2006/relationships/slideLayout" Target="../slideLayouts/slideLayout339.xml"/><Relationship Id="rId17" Type="http://schemas.openxmlformats.org/officeDocument/2006/relationships/slideLayout" Target="../slideLayouts/slideLayout344.xml"/><Relationship Id="rId25" Type="http://schemas.openxmlformats.org/officeDocument/2006/relationships/slideLayout" Target="../slideLayouts/slideLayout352.xml"/><Relationship Id="rId33" Type="http://schemas.openxmlformats.org/officeDocument/2006/relationships/slideLayout" Target="../slideLayouts/slideLayout360.xml"/><Relationship Id="rId38" Type="http://schemas.openxmlformats.org/officeDocument/2006/relationships/slideLayout" Target="../slideLayouts/slideLayout365.xml"/><Relationship Id="rId46" Type="http://schemas.openxmlformats.org/officeDocument/2006/relationships/tags" Target="../tags/tag97.xml"/><Relationship Id="rId59" Type="http://schemas.openxmlformats.org/officeDocument/2006/relationships/image" Target="../media/image2.svg"/><Relationship Id="rId20" Type="http://schemas.openxmlformats.org/officeDocument/2006/relationships/slideLayout" Target="../slideLayouts/slideLayout347.xml"/><Relationship Id="rId41" Type="http://schemas.openxmlformats.org/officeDocument/2006/relationships/slideLayout" Target="../slideLayouts/slideLayout368.xml"/><Relationship Id="rId54" Type="http://schemas.openxmlformats.org/officeDocument/2006/relationships/tags" Target="../tags/tag105.xml"/><Relationship Id="rId1" Type="http://schemas.openxmlformats.org/officeDocument/2006/relationships/slideLayout" Target="../slideLayouts/slideLayout328.xml"/><Relationship Id="rId6" Type="http://schemas.openxmlformats.org/officeDocument/2006/relationships/slideLayout" Target="../slideLayouts/slideLayout333.xml"/><Relationship Id="rId15" Type="http://schemas.openxmlformats.org/officeDocument/2006/relationships/slideLayout" Target="../slideLayouts/slideLayout342.xml"/><Relationship Id="rId23" Type="http://schemas.openxmlformats.org/officeDocument/2006/relationships/slideLayout" Target="../slideLayouts/slideLayout350.xml"/><Relationship Id="rId28" Type="http://schemas.openxmlformats.org/officeDocument/2006/relationships/slideLayout" Target="../slideLayouts/slideLayout355.xml"/><Relationship Id="rId36" Type="http://schemas.openxmlformats.org/officeDocument/2006/relationships/slideLayout" Target="../slideLayouts/slideLayout363.xml"/><Relationship Id="rId49" Type="http://schemas.openxmlformats.org/officeDocument/2006/relationships/tags" Target="../tags/tag100.xml"/><Relationship Id="rId57" Type="http://schemas.openxmlformats.org/officeDocument/2006/relationships/tags" Target="../tags/tag108.xml"/><Relationship Id="rId10" Type="http://schemas.openxmlformats.org/officeDocument/2006/relationships/slideLayout" Target="../slideLayouts/slideLayout337.xml"/><Relationship Id="rId31" Type="http://schemas.openxmlformats.org/officeDocument/2006/relationships/slideLayout" Target="../slideLayouts/slideLayout358.xml"/><Relationship Id="rId44" Type="http://schemas.openxmlformats.org/officeDocument/2006/relationships/slideLayout" Target="../slideLayouts/slideLayout371.xml"/><Relationship Id="rId52" Type="http://schemas.openxmlformats.org/officeDocument/2006/relationships/tags" Target="../tags/tag10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CB757B4-4B2F-4B47-B3F1-E4B74FE78304}"/>
              </a:ext>
            </a:extLst>
          </p:cNvPr>
          <p:cNvGrpSpPr/>
          <p:nvPr userDrawn="1"/>
        </p:nvGrpSpPr>
        <p:grpSpPr>
          <a:xfrm>
            <a:off x="432000" y="434875"/>
            <a:ext cx="11326612" cy="5991126"/>
            <a:chOff x="432000" y="434875"/>
            <a:chExt cx="11326612" cy="5991126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DFDB159-DA84-444E-AB06-7D5C2CA07E60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432000" y="434875"/>
              <a:ext cx="11326612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EA6EC722-0EBE-4ADA-BD91-CF87ED4FCEAA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9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49B2136B-2956-4245-B96F-B81A6DD020CE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19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4441F8-AE57-4EC9-91C1-9C718479C642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29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0F3EF8AD-515B-4A40-A3B9-3D660739D596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39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B824490-9B8A-4A99-AA05-E50835952CB9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49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191D903-3DC7-4F0F-8EAC-C931E303A9B8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58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73AFD15C-89C2-4A95-A594-C64117D3FCB2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68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3D3EF56E-2DFE-4F4D-939E-3DAED467A529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78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645C9AEC-F074-4880-B7CB-3923DCE0E2E2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88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DC47FC5-2F60-4C58-A461-2F2CD060F1F9}"/>
                </a:ext>
              </a:extLst>
            </p:cNvPr>
            <p:cNvSpPr/>
            <p:nvPr userDrawn="1">
              <p:custDataLst>
                <p:tags r:id="rId53"/>
              </p:custDataLst>
            </p:nvPr>
          </p:nvSpPr>
          <p:spPr>
            <a:xfrm>
              <a:off x="98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C5A591E-EA94-407D-BEB2-8D29F5679D97}"/>
                </a:ext>
              </a:extLst>
            </p:cNvPr>
            <p:cNvSpPr/>
            <p:nvPr userDrawn="1">
              <p:custDataLst>
                <p:tags r:id="rId54"/>
              </p:custDataLst>
            </p:nvPr>
          </p:nvSpPr>
          <p:spPr>
            <a:xfrm>
              <a:off x="107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pic>
        <p:nvPicPr>
          <p:cNvPr id="5" name="Logo">
            <a:extLst>
              <a:ext uri="{FF2B5EF4-FFF2-40B4-BE49-F238E27FC236}">
                <a16:creationId xmlns:a16="http://schemas.microsoft.com/office/drawing/2014/main" id="{4698698D-C1DC-4320-8867-4CB663D7DE14}"/>
              </a:ext>
            </a:extLst>
          </p:cNvPr>
          <p:cNvPicPr>
            <a:picLocks noChangeAspect="1"/>
          </p:cNvPicPr>
          <p:nvPr userDrawn="1"/>
        </p:nvPicPr>
        <p:blipFill>
          <a:blip r:embed="rId5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6"/>
              </a:ext>
            </a:extLst>
          </a:blip>
          <a:srcRect/>
          <a:stretch/>
        </p:blipFill>
        <p:spPr>
          <a:xfrm>
            <a:off x="11260800" y="6299695"/>
            <a:ext cx="496800" cy="17009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2000" y="1728000"/>
            <a:ext cx="11325600" cy="4262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288" y="6286500"/>
            <a:ext cx="9792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37600" y="6286500"/>
            <a:ext cx="68616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32000" y="6286500"/>
            <a:ext cx="335521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29" r:id="rId1"/>
    <p:sldLayoutId id="2147483794" r:id="rId2"/>
    <p:sldLayoutId id="2147483795" r:id="rId3"/>
    <p:sldLayoutId id="2147483798" r:id="rId4"/>
    <p:sldLayoutId id="2147483799" r:id="rId5"/>
    <p:sldLayoutId id="2147483737" r:id="rId6"/>
    <p:sldLayoutId id="2147483800" r:id="rId7"/>
    <p:sldLayoutId id="2147483731" r:id="rId8"/>
    <p:sldLayoutId id="2147483801" r:id="rId9"/>
    <p:sldLayoutId id="2147483802" r:id="rId10"/>
    <p:sldLayoutId id="2147483732" r:id="rId11"/>
    <p:sldLayoutId id="2147483755" r:id="rId12"/>
    <p:sldLayoutId id="2147483803" r:id="rId13"/>
    <p:sldLayoutId id="2147483805" r:id="rId14"/>
    <p:sldLayoutId id="2147483804" r:id="rId15"/>
    <p:sldLayoutId id="2147483806" r:id="rId16"/>
    <p:sldLayoutId id="2147483807" r:id="rId17"/>
    <p:sldLayoutId id="2147483808" r:id="rId18"/>
    <p:sldLayoutId id="2147483812" r:id="rId19"/>
    <p:sldLayoutId id="2147483813" r:id="rId20"/>
    <p:sldLayoutId id="2147483768" r:id="rId21"/>
    <p:sldLayoutId id="2147483811" r:id="rId22"/>
    <p:sldLayoutId id="2147483814" r:id="rId23"/>
    <p:sldLayoutId id="2147483815" r:id="rId24"/>
    <p:sldLayoutId id="2147483816" r:id="rId25"/>
    <p:sldLayoutId id="2147483817" r:id="rId26"/>
    <p:sldLayoutId id="2147483818" r:id="rId27"/>
    <p:sldLayoutId id="2147483819" r:id="rId28"/>
    <p:sldLayoutId id="2147483821" r:id="rId29"/>
    <p:sldLayoutId id="2147483820" r:id="rId30"/>
    <p:sldLayoutId id="2147483822" r:id="rId31"/>
    <p:sldLayoutId id="2147483824" r:id="rId32"/>
    <p:sldLayoutId id="2147483809" r:id="rId33"/>
    <p:sldLayoutId id="2147483810" r:id="rId34"/>
    <p:sldLayoutId id="2147483743" r:id="rId35"/>
    <p:sldLayoutId id="2147483744" r:id="rId36"/>
    <p:sldLayoutId id="2147483775" r:id="rId37"/>
    <p:sldLayoutId id="2147483825" r:id="rId38"/>
    <p:sldLayoutId id="2147483751" r:id="rId39"/>
    <p:sldLayoutId id="2147484300" r:id="rId40"/>
    <p:sldLayoutId id="2147484302" r:id="rId41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800" b="0" kern="1200" cap="all" baseline="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tabLst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" indent="-126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Clr>
          <a:schemeClr val="accent2"/>
        </a:buClr>
        <a:buFont typeface="Dstny Body" panose="02000603000000020004" pitchFamily="2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0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Font typeface="Dstny Body" panose="02000603000000020004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Dstny Body" panose="02000603000000020004" pitchFamily="2" charset="0"/>
        <a:buChar char="​"/>
        <a:defRPr sz="6000" b="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72" userDrawn="1">
          <p15:clr>
            <a:srgbClr val="F26B43"/>
          </p15:clr>
        </p15:guide>
        <p15:guide id="2" pos="7406" userDrawn="1">
          <p15:clr>
            <a:srgbClr val="F26B43"/>
          </p15:clr>
        </p15:guide>
        <p15:guide id="3" orient="horz" pos="267" userDrawn="1">
          <p15:clr>
            <a:srgbClr val="F26B43"/>
          </p15:clr>
        </p15:guide>
        <p15:guide id="4" orient="horz" pos="4047" userDrawn="1">
          <p15:clr>
            <a:srgbClr val="A4A3A4"/>
          </p15:clr>
        </p15:guide>
        <p15:guide id="5" pos="617" userDrawn="1">
          <p15:clr>
            <a:srgbClr val="A4A3A4"/>
          </p15:clr>
        </p15:guide>
        <p15:guide id="6" pos="889" userDrawn="1">
          <p15:clr>
            <a:srgbClr val="A4A3A4"/>
          </p15:clr>
        </p15:guide>
        <p15:guide id="7" pos="1234" userDrawn="1">
          <p15:clr>
            <a:srgbClr val="A4A3A4"/>
          </p15:clr>
        </p15:guide>
        <p15:guide id="8" pos="1506" userDrawn="1">
          <p15:clr>
            <a:srgbClr val="A4A3A4"/>
          </p15:clr>
        </p15:guide>
        <p15:guide id="9" pos="1851" userDrawn="1">
          <p15:clr>
            <a:srgbClr val="A4A3A4"/>
          </p15:clr>
        </p15:guide>
        <p15:guide id="10" pos="2124" userDrawn="1">
          <p15:clr>
            <a:srgbClr val="A4A3A4"/>
          </p15:clr>
        </p15:guide>
        <p15:guide id="11" pos="2469" userDrawn="1">
          <p15:clr>
            <a:srgbClr val="A4A3A4"/>
          </p15:clr>
        </p15:guide>
        <p15:guide id="12" pos="2741" userDrawn="1">
          <p15:clr>
            <a:srgbClr val="A4A3A4"/>
          </p15:clr>
        </p15:guide>
        <p15:guide id="13" pos="3086" userDrawn="1">
          <p15:clr>
            <a:srgbClr val="A4A3A4"/>
          </p15:clr>
        </p15:guide>
        <p15:guide id="14" pos="3358" userDrawn="1">
          <p15:clr>
            <a:srgbClr val="A4A3A4"/>
          </p15:clr>
        </p15:guide>
        <p15:guide id="15" pos="3703" userDrawn="1">
          <p15:clr>
            <a:srgbClr val="A4A3A4"/>
          </p15:clr>
        </p15:guide>
        <p15:guide id="16" pos="3976" userDrawn="1">
          <p15:clr>
            <a:srgbClr val="A4A3A4"/>
          </p15:clr>
        </p15:guide>
        <p15:guide id="17" pos="4321" userDrawn="1">
          <p15:clr>
            <a:srgbClr val="A4A3A4"/>
          </p15:clr>
        </p15:guide>
        <p15:guide id="18" pos="4593" userDrawn="1">
          <p15:clr>
            <a:srgbClr val="A4A3A4"/>
          </p15:clr>
        </p15:guide>
        <p15:guide id="19" pos="4938" userDrawn="1">
          <p15:clr>
            <a:srgbClr val="A4A3A4"/>
          </p15:clr>
        </p15:guide>
        <p15:guide id="20" pos="5210" userDrawn="1">
          <p15:clr>
            <a:srgbClr val="A4A3A4"/>
          </p15:clr>
        </p15:guide>
        <p15:guide id="21" pos="5555" userDrawn="1">
          <p15:clr>
            <a:srgbClr val="A4A3A4"/>
          </p15:clr>
        </p15:guide>
        <p15:guide id="22" pos="5828" userDrawn="1">
          <p15:clr>
            <a:srgbClr val="A4A3A4"/>
          </p15:clr>
        </p15:guide>
        <p15:guide id="23" pos="6173" userDrawn="1">
          <p15:clr>
            <a:srgbClr val="A4A3A4"/>
          </p15:clr>
        </p15:guide>
        <p15:guide id="24" pos="6445" userDrawn="1">
          <p15:clr>
            <a:srgbClr val="A4A3A4"/>
          </p15:clr>
        </p15:guide>
        <p15:guide id="25" pos="6790" userDrawn="1">
          <p15:clr>
            <a:srgbClr val="A4A3A4"/>
          </p15:clr>
        </p15:guide>
        <p15:guide id="26" pos="7062" userDrawn="1">
          <p15:clr>
            <a:srgbClr val="A4A3A4"/>
          </p15:clr>
        </p15:guide>
        <p15:guide id="27" orient="horz" pos="1086" userDrawn="1">
          <p15:clr>
            <a:srgbClr val="F26B43"/>
          </p15:clr>
        </p15:guide>
        <p15:guide id="28" orient="horz" pos="3774" userDrawn="1">
          <p15:clr>
            <a:srgbClr val="F26B43"/>
          </p15:clr>
        </p15:guide>
        <p15:guide id="29" orient="horz" pos="3861" userDrawn="1">
          <p15:clr>
            <a:srgbClr val="A4A3A4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CB757B4-4B2F-4B47-B3F1-E4B74FE78304}"/>
              </a:ext>
            </a:extLst>
          </p:cNvPr>
          <p:cNvGrpSpPr/>
          <p:nvPr userDrawn="1"/>
        </p:nvGrpSpPr>
        <p:grpSpPr>
          <a:xfrm>
            <a:off x="432000" y="434875"/>
            <a:ext cx="11326612" cy="5991126"/>
            <a:chOff x="432000" y="434875"/>
            <a:chExt cx="11326612" cy="5991126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DFDB159-DA84-444E-AB06-7D5C2CA07E60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432000" y="434875"/>
              <a:ext cx="11326612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EA6EC722-0EBE-4ADA-BD91-CF87ED4FCEAA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9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49B2136B-2956-4245-B96F-B81A6DD020CE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19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4441F8-AE57-4EC9-91C1-9C718479C642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29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0F3EF8AD-515B-4A40-A3B9-3D660739D596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39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B824490-9B8A-4A99-AA05-E50835952CB9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49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191D903-3DC7-4F0F-8EAC-C931E303A9B8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58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73AFD15C-89C2-4A95-A594-C64117D3FCB2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68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3D3EF56E-2DFE-4F4D-939E-3DAED467A529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78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645C9AEC-F074-4880-B7CB-3923DCE0E2E2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88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DC47FC5-2F60-4C58-A461-2F2CD060F1F9}"/>
                </a:ext>
              </a:extLst>
            </p:cNvPr>
            <p:cNvSpPr/>
            <p:nvPr userDrawn="1">
              <p:custDataLst>
                <p:tags r:id="rId53"/>
              </p:custDataLst>
            </p:nvPr>
          </p:nvSpPr>
          <p:spPr>
            <a:xfrm>
              <a:off x="98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C5A591E-EA94-407D-BEB2-8D29F5679D97}"/>
                </a:ext>
              </a:extLst>
            </p:cNvPr>
            <p:cNvSpPr/>
            <p:nvPr userDrawn="1">
              <p:custDataLst>
                <p:tags r:id="rId54"/>
              </p:custDataLst>
            </p:nvPr>
          </p:nvSpPr>
          <p:spPr>
            <a:xfrm>
              <a:off x="107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pic>
        <p:nvPicPr>
          <p:cNvPr id="5" name="Logo">
            <a:extLst>
              <a:ext uri="{FF2B5EF4-FFF2-40B4-BE49-F238E27FC236}">
                <a16:creationId xmlns:a16="http://schemas.microsoft.com/office/drawing/2014/main" id="{4698698D-C1DC-4320-8867-4CB663D7DE14}"/>
              </a:ext>
            </a:extLst>
          </p:cNvPr>
          <p:cNvPicPr>
            <a:picLocks noChangeAspect="1"/>
          </p:cNvPicPr>
          <p:nvPr userDrawn="1"/>
        </p:nvPicPr>
        <p:blipFill>
          <a:blip r:embed="rId5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6"/>
              </a:ext>
            </a:extLst>
          </a:blip>
          <a:srcRect/>
          <a:stretch/>
        </p:blipFill>
        <p:spPr>
          <a:xfrm>
            <a:off x="11260800" y="6299695"/>
            <a:ext cx="496800" cy="17009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2000" y="1728000"/>
            <a:ext cx="11325600" cy="4262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288" y="6286500"/>
            <a:ext cx="9792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37600" y="6286500"/>
            <a:ext cx="68616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32000" y="6286500"/>
            <a:ext cx="335521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54812608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27" r:id="rId1"/>
    <p:sldLayoutId id="2147483828" r:id="rId2"/>
    <p:sldLayoutId id="2147483829" r:id="rId3"/>
    <p:sldLayoutId id="2147483830" r:id="rId4"/>
    <p:sldLayoutId id="2147483831" r:id="rId5"/>
    <p:sldLayoutId id="2147483832" r:id="rId6"/>
    <p:sldLayoutId id="2147483833" r:id="rId7"/>
    <p:sldLayoutId id="2147483834" r:id="rId8"/>
    <p:sldLayoutId id="2147483835" r:id="rId9"/>
    <p:sldLayoutId id="2147483836" r:id="rId10"/>
    <p:sldLayoutId id="2147483837" r:id="rId11"/>
    <p:sldLayoutId id="2147483838" r:id="rId12"/>
    <p:sldLayoutId id="2147483839" r:id="rId13"/>
    <p:sldLayoutId id="2147483840" r:id="rId14"/>
    <p:sldLayoutId id="2147483841" r:id="rId15"/>
    <p:sldLayoutId id="2147483842" r:id="rId16"/>
    <p:sldLayoutId id="2147483843" r:id="rId17"/>
    <p:sldLayoutId id="2147483844" r:id="rId18"/>
    <p:sldLayoutId id="2147483845" r:id="rId19"/>
    <p:sldLayoutId id="2147483846" r:id="rId20"/>
    <p:sldLayoutId id="2147483847" r:id="rId21"/>
    <p:sldLayoutId id="2147483848" r:id="rId22"/>
    <p:sldLayoutId id="2147483849" r:id="rId23"/>
    <p:sldLayoutId id="2147483850" r:id="rId24"/>
    <p:sldLayoutId id="2147483851" r:id="rId25"/>
    <p:sldLayoutId id="2147483852" r:id="rId26"/>
    <p:sldLayoutId id="2147483853" r:id="rId27"/>
    <p:sldLayoutId id="2147483854" r:id="rId28"/>
    <p:sldLayoutId id="2147483855" r:id="rId29"/>
    <p:sldLayoutId id="2147483856" r:id="rId30"/>
    <p:sldLayoutId id="2147483857" r:id="rId31"/>
    <p:sldLayoutId id="2147483858" r:id="rId32"/>
    <p:sldLayoutId id="2147483859" r:id="rId33"/>
    <p:sldLayoutId id="2147483860" r:id="rId34"/>
    <p:sldLayoutId id="2147483861" r:id="rId35"/>
    <p:sldLayoutId id="2147483862" r:id="rId36"/>
    <p:sldLayoutId id="2147483863" r:id="rId37"/>
    <p:sldLayoutId id="2147483864" r:id="rId38"/>
    <p:sldLayoutId id="2147483865" r:id="rId39"/>
    <p:sldLayoutId id="2147483866" r:id="rId40"/>
    <p:sldLayoutId id="2147484211" r:id="rId41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800" b="0" kern="1200" cap="all" baseline="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tabLst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" indent="-126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Clr>
          <a:schemeClr val="accent2"/>
        </a:buClr>
        <a:buFont typeface="Dstny Body" panose="02000603000000020004" pitchFamily="2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0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Font typeface="Dstny Body" panose="02000603000000020004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Dstny Body" panose="02000603000000020004" pitchFamily="2" charset="0"/>
        <a:buChar char="​"/>
        <a:defRPr sz="6000" b="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72">
          <p15:clr>
            <a:srgbClr val="F26B43"/>
          </p15:clr>
        </p15:guide>
        <p15:guide id="2" pos="7406">
          <p15:clr>
            <a:srgbClr val="F26B43"/>
          </p15:clr>
        </p15:guide>
        <p15:guide id="3" orient="horz" pos="267">
          <p15:clr>
            <a:srgbClr val="F26B43"/>
          </p15:clr>
        </p15:guide>
        <p15:guide id="4" orient="horz" pos="4047">
          <p15:clr>
            <a:srgbClr val="A4A3A4"/>
          </p15:clr>
        </p15:guide>
        <p15:guide id="5" pos="617">
          <p15:clr>
            <a:srgbClr val="A4A3A4"/>
          </p15:clr>
        </p15:guide>
        <p15:guide id="6" pos="889">
          <p15:clr>
            <a:srgbClr val="A4A3A4"/>
          </p15:clr>
        </p15:guide>
        <p15:guide id="7" pos="1234">
          <p15:clr>
            <a:srgbClr val="A4A3A4"/>
          </p15:clr>
        </p15:guide>
        <p15:guide id="8" pos="1506">
          <p15:clr>
            <a:srgbClr val="A4A3A4"/>
          </p15:clr>
        </p15:guide>
        <p15:guide id="9" pos="1851">
          <p15:clr>
            <a:srgbClr val="A4A3A4"/>
          </p15:clr>
        </p15:guide>
        <p15:guide id="10" pos="2124">
          <p15:clr>
            <a:srgbClr val="A4A3A4"/>
          </p15:clr>
        </p15:guide>
        <p15:guide id="11" pos="2469">
          <p15:clr>
            <a:srgbClr val="A4A3A4"/>
          </p15:clr>
        </p15:guide>
        <p15:guide id="12" pos="2741">
          <p15:clr>
            <a:srgbClr val="A4A3A4"/>
          </p15:clr>
        </p15:guide>
        <p15:guide id="13" pos="3086">
          <p15:clr>
            <a:srgbClr val="A4A3A4"/>
          </p15:clr>
        </p15:guide>
        <p15:guide id="14" pos="3358">
          <p15:clr>
            <a:srgbClr val="A4A3A4"/>
          </p15:clr>
        </p15:guide>
        <p15:guide id="15" pos="3703">
          <p15:clr>
            <a:srgbClr val="A4A3A4"/>
          </p15:clr>
        </p15:guide>
        <p15:guide id="16" pos="3976">
          <p15:clr>
            <a:srgbClr val="A4A3A4"/>
          </p15:clr>
        </p15:guide>
        <p15:guide id="17" pos="4321">
          <p15:clr>
            <a:srgbClr val="A4A3A4"/>
          </p15:clr>
        </p15:guide>
        <p15:guide id="18" pos="4593">
          <p15:clr>
            <a:srgbClr val="A4A3A4"/>
          </p15:clr>
        </p15:guide>
        <p15:guide id="19" pos="4938">
          <p15:clr>
            <a:srgbClr val="A4A3A4"/>
          </p15:clr>
        </p15:guide>
        <p15:guide id="20" pos="5210">
          <p15:clr>
            <a:srgbClr val="A4A3A4"/>
          </p15:clr>
        </p15:guide>
        <p15:guide id="21" pos="5555">
          <p15:clr>
            <a:srgbClr val="A4A3A4"/>
          </p15:clr>
        </p15:guide>
        <p15:guide id="22" pos="5828">
          <p15:clr>
            <a:srgbClr val="A4A3A4"/>
          </p15:clr>
        </p15:guide>
        <p15:guide id="23" pos="6173">
          <p15:clr>
            <a:srgbClr val="A4A3A4"/>
          </p15:clr>
        </p15:guide>
        <p15:guide id="24" pos="6445">
          <p15:clr>
            <a:srgbClr val="A4A3A4"/>
          </p15:clr>
        </p15:guide>
        <p15:guide id="25" pos="6790">
          <p15:clr>
            <a:srgbClr val="A4A3A4"/>
          </p15:clr>
        </p15:guide>
        <p15:guide id="26" pos="7062">
          <p15:clr>
            <a:srgbClr val="A4A3A4"/>
          </p15:clr>
        </p15:guide>
        <p15:guide id="27" orient="horz" pos="1086">
          <p15:clr>
            <a:srgbClr val="F26B43"/>
          </p15:clr>
        </p15:guide>
        <p15:guide id="28" orient="horz" pos="3774">
          <p15:clr>
            <a:srgbClr val="F26B43"/>
          </p15:clr>
        </p15:guide>
        <p15:guide id="29" orient="horz" pos="3861">
          <p15:clr>
            <a:srgbClr val="A4A3A4"/>
          </p15:clr>
        </p15:guide>
      </p15:sldGuideLst>
    </p:ext>
  </p:extLst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CB757B4-4B2F-4B47-B3F1-E4B74FE78304}"/>
              </a:ext>
            </a:extLst>
          </p:cNvPr>
          <p:cNvGrpSpPr/>
          <p:nvPr userDrawn="1"/>
        </p:nvGrpSpPr>
        <p:grpSpPr>
          <a:xfrm>
            <a:off x="432000" y="434875"/>
            <a:ext cx="11326612" cy="5991126"/>
            <a:chOff x="432000" y="434875"/>
            <a:chExt cx="11326612" cy="5991126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DFDB159-DA84-444E-AB06-7D5C2CA07E60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432000" y="434875"/>
              <a:ext cx="11326612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EA6EC722-0EBE-4ADA-BD91-CF87ED4FCEAA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9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49B2136B-2956-4245-B96F-B81A6DD020CE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19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4441F8-AE57-4EC9-91C1-9C718479C642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29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0F3EF8AD-515B-4A40-A3B9-3D660739D596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39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B824490-9B8A-4A99-AA05-E50835952CB9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49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191D903-3DC7-4F0F-8EAC-C931E303A9B8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58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73AFD15C-89C2-4A95-A594-C64117D3FCB2}"/>
                </a:ext>
              </a:extLst>
            </p:cNvPr>
            <p:cNvSpPr/>
            <p:nvPr userDrawn="1">
              <p:custDataLst>
                <p:tags r:id="rId53"/>
              </p:custDataLst>
            </p:nvPr>
          </p:nvSpPr>
          <p:spPr>
            <a:xfrm>
              <a:off x="68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3D3EF56E-2DFE-4F4D-939E-3DAED467A529}"/>
                </a:ext>
              </a:extLst>
            </p:cNvPr>
            <p:cNvSpPr/>
            <p:nvPr userDrawn="1">
              <p:custDataLst>
                <p:tags r:id="rId54"/>
              </p:custDataLst>
            </p:nvPr>
          </p:nvSpPr>
          <p:spPr>
            <a:xfrm>
              <a:off x="78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645C9AEC-F074-4880-B7CB-3923DCE0E2E2}"/>
                </a:ext>
              </a:extLst>
            </p:cNvPr>
            <p:cNvSpPr/>
            <p:nvPr userDrawn="1">
              <p:custDataLst>
                <p:tags r:id="rId55"/>
              </p:custDataLst>
            </p:nvPr>
          </p:nvSpPr>
          <p:spPr>
            <a:xfrm>
              <a:off x="88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DC47FC5-2F60-4C58-A461-2F2CD060F1F9}"/>
                </a:ext>
              </a:extLst>
            </p:cNvPr>
            <p:cNvSpPr/>
            <p:nvPr userDrawn="1">
              <p:custDataLst>
                <p:tags r:id="rId56"/>
              </p:custDataLst>
            </p:nvPr>
          </p:nvSpPr>
          <p:spPr>
            <a:xfrm>
              <a:off x="98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C5A591E-EA94-407D-BEB2-8D29F5679D97}"/>
                </a:ext>
              </a:extLst>
            </p:cNvPr>
            <p:cNvSpPr/>
            <p:nvPr userDrawn="1">
              <p:custDataLst>
                <p:tags r:id="rId57"/>
              </p:custDataLst>
            </p:nvPr>
          </p:nvSpPr>
          <p:spPr>
            <a:xfrm>
              <a:off x="107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pic>
        <p:nvPicPr>
          <p:cNvPr id="5" name="Logo">
            <a:extLst>
              <a:ext uri="{FF2B5EF4-FFF2-40B4-BE49-F238E27FC236}">
                <a16:creationId xmlns:a16="http://schemas.microsoft.com/office/drawing/2014/main" id="{4698698D-C1DC-4320-8867-4CB663D7DE14}"/>
              </a:ext>
            </a:extLst>
          </p:cNvPr>
          <p:cNvPicPr>
            <a:picLocks noChangeAspect="1"/>
          </p:cNvPicPr>
          <p:nvPr userDrawn="1"/>
        </p:nvPicPr>
        <p:blipFill>
          <a:blip r:embed="rId5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9"/>
              </a:ext>
            </a:extLst>
          </a:blip>
          <a:srcRect/>
          <a:stretch/>
        </p:blipFill>
        <p:spPr>
          <a:xfrm>
            <a:off x="11260800" y="6299695"/>
            <a:ext cx="496800" cy="17009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2000" y="1728000"/>
            <a:ext cx="11325600" cy="4262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288" y="6286500"/>
            <a:ext cx="9792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37600" y="6286500"/>
            <a:ext cx="68616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32000" y="6286500"/>
            <a:ext cx="335521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8437312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69" r:id="rId1"/>
    <p:sldLayoutId id="2147483870" r:id="rId2"/>
    <p:sldLayoutId id="2147483871" r:id="rId3"/>
    <p:sldLayoutId id="2147483872" r:id="rId4"/>
    <p:sldLayoutId id="2147483873" r:id="rId5"/>
    <p:sldLayoutId id="2147483874" r:id="rId6"/>
    <p:sldLayoutId id="2147483875" r:id="rId7"/>
    <p:sldLayoutId id="2147483876" r:id="rId8"/>
    <p:sldLayoutId id="2147483877" r:id="rId9"/>
    <p:sldLayoutId id="2147483878" r:id="rId10"/>
    <p:sldLayoutId id="2147483879" r:id="rId11"/>
    <p:sldLayoutId id="2147483880" r:id="rId12"/>
    <p:sldLayoutId id="2147483881" r:id="rId13"/>
    <p:sldLayoutId id="2147483882" r:id="rId14"/>
    <p:sldLayoutId id="2147483883" r:id="rId15"/>
    <p:sldLayoutId id="2147483884" r:id="rId16"/>
    <p:sldLayoutId id="2147483885" r:id="rId17"/>
    <p:sldLayoutId id="2147483886" r:id="rId18"/>
    <p:sldLayoutId id="2147483887" r:id="rId19"/>
    <p:sldLayoutId id="2147483888" r:id="rId20"/>
    <p:sldLayoutId id="2147483889" r:id="rId21"/>
    <p:sldLayoutId id="2147483890" r:id="rId22"/>
    <p:sldLayoutId id="2147483891" r:id="rId23"/>
    <p:sldLayoutId id="2147483892" r:id="rId24"/>
    <p:sldLayoutId id="2147483893" r:id="rId25"/>
    <p:sldLayoutId id="2147483894" r:id="rId26"/>
    <p:sldLayoutId id="2147483895" r:id="rId27"/>
    <p:sldLayoutId id="2147483896" r:id="rId28"/>
    <p:sldLayoutId id="2147483897" r:id="rId29"/>
    <p:sldLayoutId id="2147483898" r:id="rId30"/>
    <p:sldLayoutId id="2147483899" r:id="rId31"/>
    <p:sldLayoutId id="2147483900" r:id="rId32"/>
    <p:sldLayoutId id="2147483901" r:id="rId33"/>
    <p:sldLayoutId id="2147483902" r:id="rId34"/>
    <p:sldLayoutId id="2147483903" r:id="rId35"/>
    <p:sldLayoutId id="2147483904" r:id="rId36"/>
    <p:sldLayoutId id="2147483905" r:id="rId37"/>
    <p:sldLayoutId id="2147483906" r:id="rId38"/>
    <p:sldLayoutId id="2147483907" r:id="rId39"/>
    <p:sldLayoutId id="2147483908" r:id="rId40"/>
    <p:sldLayoutId id="2147483909" r:id="rId41"/>
    <p:sldLayoutId id="2147483910" r:id="rId42"/>
    <p:sldLayoutId id="2147483911" r:id="rId43"/>
    <p:sldLayoutId id="2147483913" r:id="rId44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800" b="0" kern="1200" cap="all" baseline="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tabLst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" indent="-126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Clr>
          <a:schemeClr val="accent2"/>
        </a:buClr>
        <a:buFont typeface="Dstny Body" panose="02000603000000020004" pitchFamily="2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0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Font typeface="Dstny Body" panose="02000603000000020004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Dstny Body" panose="02000603000000020004" pitchFamily="2" charset="0"/>
        <a:buChar char="​"/>
        <a:defRPr sz="6000" b="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72">
          <p15:clr>
            <a:srgbClr val="F26B43"/>
          </p15:clr>
        </p15:guide>
        <p15:guide id="2" pos="7406">
          <p15:clr>
            <a:srgbClr val="F26B43"/>
          </p15:clr>
        </p15:guide>
        <p15:guide id="3" orient="horz" pos="267">
          <p15:clr>
            <a:srgbClr val="F26B43"/>
          </p15:clr>
        </p15:guide>
        <p15:guide id="4" orient="horz" pos="4047">
          <p15:clr>
            <a:srgbClr val="A4A3A4"/>
          </p15:clr>
        </p15:guide>
        <p15:guide id="5" pos="617">
          <p15:clr>
            <a:srgbClr val="A4A3A4"/>
          </p15:clr>
        </p15:guide>
        <p15:guide id="6" pos="889">
          <p15:clr>
            <a:srgbClr val="A4A3A4"/>
          </p15:clr>
        </p15:guide>
        <p15:guide id="7" pos="1234">
          <p15:clr>
            <a:srgbClr val="A4A3A4"/>
          </p15:clr>
        </p15:guide>
        <p15:guide id="8" pos="1506">
          <p15:clr>
            <a:srgbClr val="A4A3A4"/>
          </p15:clr>
        </p15:guide>
        <p15:guide id="9" pos="1851">
          <p15:clr>
            <a:srgbClr val="A4A3A4"/>
          </p15:clr>
        </p15:guide>
        <p15:guide id="10" pos="2124">
          <p15:clr>
            <a:srgbClr val="A4A3A4"/>
          </p15:clr>
        </p15:guide>
        <p15:guide id="11" pos="2469">
          <p15:clr>
            <a:srgbClr val="A4A3A4"/>
          </p15:clr>
        </p15:guide>
        <p15:guide id="12" pos="2741">
          <p15:clr>
            <a:srgbClr val="A4A3A4"/>
          </p15:clr>
        </p15:guide>
        <p15:guide id="13" pos="3086">
          <p15:clr>
            <a:srgbClr val="A4A3A4"/>
          </p15:clr>
        </p15:guide>
        <p15:guide id="14" pos="3358">
          <p15:clr>
            <a:srgbClr val="A4A3A4"/>
          </p15:clr>
        </p15:guide>
        <p15:guide id="15" pos="3703">
          <p15:clr>
            <a:srgbClr val="A4A3A4"/>
          </p15:clr>
        </p15:guide>
        <p15:guide id="16" pos="3976">
          <p15:clr>
            <a:srgbClr val="A4A3A4"/>
          </p15:clr>
        </p15:guide>
        <p15:guide id="17" pos="4321">
          <p15:clr>
            <a:srgbClr val="A4A3A4"/>
          </p15:clr>
        </p15:guide>
        <p15:guide id="18" pos="4593">
          <p15:clr>
            <a:srgbClr val="A4A3A4"/>
          </p15:clr>
        </p15:guide>
        <p15:guide id="19" pos="4938">
          <p15:clr>
            <a:srgbClr val="A4A3A4"/>
          </p15:clr>
        </p15:guide>
        <p15:guide id="20" pos="5210">
          <p15:clr>
            <a:srgbClr val="A4A3A4"/>
          </p15:clr>
        </p15:guide>
        <p15:guide id="21" pos="5555">
          <p15:clr>
            <a:srgbClr val="A4A3A4"/>
          </p15:clr>
        </p15:guide>
        <p15:guide id="22" pos="5828">
          <p15:clr>
            <a:srgbClr val="A4A3A4"/>
          </p15:clr>
        </p15:guide>
        <p15:guide id="23" pos="6173">
          <p15:clr>
            <a:srgbClr val="A4A3A4"/>
          </p15:clr>
        </p15:guide>
        <p15:guide id="24" pos="6445">
          <p15:clr>
            <a:srgbClr val="A4A3A4"/>
          </p15:clr>
        </p15:guide>
        <p15:guide id="25" pos="6790">
          <p15:clr>
            <a:srgbClr val="A4A3A4"/>
          </p15:clr>
        </p15:guide>
        <p15:guide id="26" pos="7062">
          <p15:clr>
            <a:srgbClr val="A4A3A4"/>
          </p15:clr>
        </p15:guide>
        <p15:guide id="27" orient="horz" pos="1086">
          <p15:clr>
            <a:srgbClr val="F26B43"/>
          </p15:clr>
        </p15:guide>
        <p15:guide id="28" orient="horz" pos="3774">
          <p15:clr>
            <a:srgbClr val="F26B43"/>
          </p15:clr>
        </p15:guide>
        <p15:guide id="29" orient="horz" pos="3861">
          <p15:clr>
            <a:srgbClr val="A4A3A4"/>
          </p15:clr>
        </p15:guide>
      </p15:sldGuideLst>
    </p:ext>
  </p:extLst>
</p:sldMaster>
</file>

<file path=ppt/slideMasters/slideMaster4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CB757B4-4B2F-4B47-B3F1-E4B74FE78304}"/>
              </a:ext>
            </a:extLst>
          </p:cNvPr>
          <p:cNvGrpSpPr/>
          <p:nvPr userDrawn="1"/>
        </p:nvGrpSpPr>
        <p:grpSpPr>
          <a:xfrm>
            <a:off x="432000" y="434875"/>
            <a:ext cx="11326612" cy="5991126"/>
            <a:chOff x="432000" y="434875"/>
            <a:chExt cx="11326612" cy="5991126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DFDB159-DA84-444E-AB06-7D5C2CA07E60}"/>
                </a:ext>
              </a:extLst>
            </p:cNvPr>
            <p:cNvSpPr/>
            <p:nvPr userDrawn="1">
              <p:custDataLst>
                <p:tags r:id="rId42"/>
              </p:custDataLst>
            </p:nvPr>
          </p:nvSpPr>
          <p:spPr>
            <a:xfrm>
              <a:off x="432000" y="434875"/>
              <a:ext cx="11326612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EA6EC722-0EBE-4ADA-BD91-CF87ED4FCEAA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9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49B2136B-2956-4245-B96F-B81A6DD020CE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19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4441F8-AE57-4EC9-91C1-9C718479C642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29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0F3EF8AD-515B-4A40-A3B9-3D660739D596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39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B824490-9B8A-4A99-AA05-E50835952CB9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49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191D903-3DC7-4F0F-8EAC-C931E303A9B8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58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73AFD15C-89C2-4A95-A594-C64117D3FCB2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68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3D3EF56E-2DFE-4F4D-939E-3DAED467A529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78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645C9AEC-F074-4880-B7CB-3923DCE0E2E2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88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DC47FC5-2F60-4C58-A461-2F2CD060F1F9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98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C5A591E-EA94-407D-BEB2-8D29F5679D97}"/>
                </a:ext>
              </a:extLst>
            </p:cNvPr>
            <p:cNvSpPr/>
            <p:nvPr userDrawn="1">
              <p:custDataLst>
                <p:tags r:id="rId53"/>
              </p:custDataLst>
            </p:nvPr>
          </p:nvSpPr>
          <p:spPr>
            <a:xfrm>
              <a:off x="107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pic>
        <p:nvPicPr>
          <p:cNvPr id="5" name="Logo">
            <a:extLst>
              <a:ext uri="{FF2B5EF4-FFF2-40B4-BE49-F238E27FC236}">
                <a16:creationId xmlns:a16="http://schemas.microsoft.com/office/drawing/2014/main" id="{4698698D-C1DC-4320-8867-4CB663D7DE14}"/>
              </a:ext>
            </a:extLst>
          </p:cNvPr>
          <p:cNvPicPr>
            <a:picLocks noChangeAspect="1"/>
          </p:cNvPicPr>
          <p:nvPr userDrawn="1"/>
        </p:nvPicPr>
        <p:blipFill>
          <a:blip r:embed="rId5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5"/>
              </a:ext>
            </a:extLst>
          </a:blip>
          <a:srcRect/>
          <a:stretch/>
        </p:blipFill>
        <p:spPr>
          <a:xfrm>
            <a:off x="11260800" y="6299695"/>
            <a:ext cx="496800" cy="17009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2000" y="1728000"/>
            <a:ext cx="11325600" cy="4262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288" y="6286500"/>
            <a:ext cx="9792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37600" y="6286500"/>
            <a:ext cx="68616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32000" y="6286500"/>
            <a:ext cx="335521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527841251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56" r:id="rId1"/>
    <p:sldLayoutId id="2147483957" r:id="rId2"/>
    <p:sldLayoutId id="2147483958" r:id="rId3"/>
    <p:sldLayoutId id="2147483959" r:id="rId4"/>
    <p:sldLayoutId id="2147483960" r:id="rId5"/>
    <p:sldLayoutId id="2147483961" r:id="rId6"/>
    <p:sldLayoutId id="2147483962" r:id="rId7"/>
    <p:sldLayoutId id="2147483963" r:id="rId8"/>
    <p:sldLayoutId id="2147483964" r:id="rId9"/>
    <p:sldLayoutId id="2147483965" r:id="rId10"/>
    <p:sldLayoutId id="2147483966" r:id="rId11"/>
    <p:sldLayoutId id="2147483967" r:id="rId12"/>
    <p:sldLayoutId id="2147483968" r:id="rId13"/>
    <p:sldLayoutId id="2147483969" r:id="rId14"/>
    <p:sldLayoutId id="2147483970" r:id="rId15"/>
    <p:sldLayoutId id="2147483971" r:id="rId16"/>
    <p:sldLayoutId id="2147483972" r:id="rId17"/>
    <p:sldLayoutId id="2147483973" r:id="rId18"/>
    <p:sldLayoutId id="2147483974" r:id="rId19"/>
    <p:sldLayoutId id="2147483975" r:id="rId20"/>
    <p:sldLayoutId id="2147483976" r:id="rId21"/>
    <p:sldLayoutId id="2147483977" r:id="rId22"/>
    <p:sldLayoutId id="2147483978" r:id="rId23"/>
    <p:sldLayoutId id="2147483979" r:id="rId24"/>
    <p:sldLayoutId id="2147483980" r:id="rId25"/>
    <p:sldLayoutId id="2147483981" r:id="rId26"/>
    <p:sldLayoutId id="2147483982" r:id="rId27"/>
    <p:sldLayoutId id="2147483983" r:id="rId28"/>
    <p:sldLayoutId id="2147483984" r:id="rId29"/>
    <p:sldLayoutId id="2147483985" r:id="rId30"/>
    <p:sldLayoutId id="2147483986" r:id="rId31"/>
    <p:sldLayoutId id="2147483987" r:id="rId32"/>
    <p:sldLayoutId id="2147483988" r:id="rId33"/>
    <p:sldLayoutId id="2147483989" r:id="rId34"/>
    <p:sldLayoutId id="2147483990" r:id="rId35"/>
    <p:sldLayoutId id="2147483991" r:id="rId36"/>
    <p:sldLayoutId id="2147483992" r:id="rId37"/>
    <p:sldLayoutId id="2147483993" r:id="rId38"/>
    <p:sldLayoutId id="2147483994" r:id="rId39"/>
    <p:sldLayoutId id="2147483995" r:id="rId40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800" b="0" kern="1200" cap="all" baseline="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tabLst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" indent="-126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Clr>
          <a:schemeClr val="accent2"/>
        </a:buClr>
        <a:buFont typeface="Dstny Body" panose="02000603000000020004" pitchFamily="2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0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Font typeface="Dstny Body" panose="02000603000000020004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Dstny Body" panose="02000603000000020004" pitchFamily="2" charset="0"/>
        <a:buChar char="​"/>
        <a:defRPr sz="6000" b="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72">
          <p15:clr>
            <a:srgbClr val="F26B43"/>
          </p15:clr>
        </p15:guide>
        <p15:guide id="2" pos="7406">
          <p15:clr>
            <a:srgbClr val="F26B43"/>
          </p15:clr>
        </p15:guide>
        <p15:guide id="3" orient="horz" pos="267">
          <p15:clr>
            <a:srgbClr val="F26B43"/>
          </p15:clr>
        </p15:guide>
        <p15:guide id="4" orient="horz" pos="4047">
          <p15:clr>
            <a:srgbClr val="A4A3A4"/>
          </p15:clr>
        </p15:guide>
        <p15:guide id="5" pos="617">
          <p15:clr>
            <a:srgbClr val="A4A3A4"/>
          </p15:clr>
        </p15:guide>
        <p15:guide id="6" pos="889">
          <p15:clr>
            <a:srgbClr val="A4A3A4"/>
          </p15:clr>
        </p15:guide>
        <p15:guide id="7" pos="1234">
          <p15:clr>
            <a:srgbClr val="A4A3A4"/>
          </p15:clr>
        </p15:guide>
        <p15:guide id="8" pos="1506">
          <p15:clr>
            <a:srgbClr val="A4A3A4"/>
          </p15:clr>
        </p15:guide>
        <p15:guide id="9" pos="1851">
          <p15:clr>
            <a:srgbClr val="A4A3A4"/>
          </p15:clr>
        </p15:guide>
        <p15:guide id="10" pos="2124">
          <p15:clr>
            <a:srgbClr val="A4A3A4"/>
          </p15:clr>
        </p15:guide>
        <p15:guide id="11" pos="2469">
          <p15:clr>
            <a:srgbClr val="A4A3A4"/>
          </p15:clr>
        </p15:guide>
        <p15:guide id="12" pos="2741">
          <p15:clr>
            <a:srgbClr val="A4A3A4"/>
          </p15:clr>
        </p15:guide>
        <p15:guide id="13" pos="3086">
          <p15:clr>
            <a:srgbClr val="A4A3A4"/>
          </p15:clr>
        </p15:guide>
        <p15:guide id="14" pos="3358">
          <p15:clr>
            <a:srgbClr val="A4A3A4"/>
          </p15:clr>
        </p15:guide>
        <p15:guide id="15" pos="3703">
          <p15:clr>
            <a:srgbClr val="A4A3A4"/>
          </p15:clr>
        </p15:guide>
        <p15:guide id="16" pos="3976">
          <p15:clr>
            <a:srgbClr val="A4A3A4"/>
          </p15:clr>
        </p15:guide>
        <p15:guide id="17" pos="4321">
          <p15:clr>
            <a:srgbClr val="A4A3A4"/>
          </p15:clr>
        </p15:guide>
        <p15:guide id="18" pos="4593">
          <p15:clr>
            <a:srgbClr val="A4A3A4"/>
          </p15:clr>
        </p15:guide>
        <p15:guide id="19" pos="4938">
          <p15:clr>
            <a:srgbClr val="A4A3A4"/>
          </p15:clr>
        </p15:guide>
        <p15:guide id="20" pos="5210">
          <p15:clr>
            <a:srgbClr val="A4A3A4"/>
          </p15:clr>
        </p15:guide>
        <p15:guide id="21" pos="5555">
          <p15:clr>
            <a:srgbClr val="A4A3A4"/>
          </p15:clr>
        </p15:guide>
        <p15:guide id="22" pos="5828">
          <p15:clr>
            <a:srgbClr val="A4A3A4"/>
          </p15:clr>
        </p15:guide>
        <p15:guide id="23" pos="6173">
          <p15:clr>
            <a:srgbClr val="A4A3A4"/>
          </p15:clr>
        </p15:guide>
        <p15:guide id="24" pos="6445">
          <p15:clr>
            <a:srgbClr val="A4A3A4"/>
          </p15:clr>
        </p15:guide>
        <p15:guide id="25" pos="6790">
          <p15:clr>
            <a:srgbClr val="A4A3A4"/>
          </p15:clr>
        </p15:guide>
        <p15:guide id="26" pos="7062">
          <p15:clr>
            <a:srgbClr val="A4A3A4"/>
          </p15:clr>
        </p15:guide>
        <p15:guide id="27" orient="horz" pos="1086">
          <p15:clr>
            <a:srgbClr val="F26B43"/>
          </p15:clr>
        </p15:guide>
        <p15:guide id="28" orient="horz" pos="3774">
          <p15:clr>
            <a:srgbClr val="F26B43"/>
          </p15:clr>
        </p15:guide>
        <p15:guide id="29" orient="horz" pos="3861">
          <p15:clr>
            <a:srgbClr val="A4A3A4"/>
          </p15:clr>
        </p15:guide>
      </p15:sldGuideLst>
    </p:ext>
  </p:extLst>
</p:sldMaster>
</file>

<file path=ppt/slideMasters/slideMaster5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CB757B4-4B2F-4B47-B3F1-E4B74FE78304}"/>
              </a:ext>
            </a:extLst>
          </p:cNvPr>
          <p:cNvGrpSpPr/>
          <p:nvPr userDrawn="1"/>
        </p:nvGrpSpPr>
        <p:grpSpPr>
          <a:xfrm>
            <a:off x="432000" y="434875"/>
            <a:ext cx="11326612" cy="5991126"/>
            <a:chOff x="432000" y="434875"/>
            <a:chExt cx="11326612" cy="5991126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DFDB159-DA84-444E-AB06-7D5C2CA07E60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432000" y="434875"/>
              <a:ext cx="11326612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EA6EC722-0EBE-4ADA-BD91-CF87ED4FCEAA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9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49B2136B-2956-4245-B96F-B81A6DD020CE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19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4441F8-AE57-4EC9-91C1-9C718479C642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29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0F3EF8AD-515B-4A40-A3B9-3D660739D596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39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B824490-9B8A-4A99-AA05-E50835952CB9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49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191D903-3DC7-4F0F-8EAC-C931E303A9B8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58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73AFD15C-89C2-4A95-A594-C64117D3FCB2}"/>
                </a:ext>
              </a:extLst>
            </p:cNvPr>
            <p:cNvSpPr/>
            <p:nvPr userDrawn="1">
              <p:custDataLst>
                <p:tags r:id="rId53"/>
              </p:custDataLst>
            </p:nvPr>
          </p:nvSpPr>
          <p:spPr>
            <a:xfrm>
              <a:off x="68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3D3EF56E-2DFE-4F4D-939E-3DAED467A529}"/>
                </a:ext>
              </a:extLst>
            </p:cNvPr>
            <p:cNvSpPr/>
            <p:nvPr userDrawn="1">
              <p:custDataLst>
                <p:tags r:id="rId54"/>
              </p:custDataLst>
            </p:nvPr>
          </p:nvSpPr>
          <p:spPr>
            <a:xfrm>
              <a:off x="78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645C9AEC-F074-4880-B7CB-3923DCE0E2E2}"/>
                </a:ext>
              </a:extLst>
            </p:cNvPr>
            <p:cNvSpPr/>
            <p:nvPr userDrawn="1">
              <p:custDataLst>
                <p:tags r:id="rId55"/>
              </p:custDataLst>
            </p:nvPr>
          </p:nvSpPr>
          <p:spPr>
            <a:xfrm>
              <a:off x="88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DC47FC5-2F60-4C58-A461-2F2CD060F1F9}"/>
                </a:ext>
              </a:extLst>
            </p:cNvPr>
            <p:cNvSpPr/>
            <p:nvPr userDrawn="1">
              <p:custDataLst>
                <p:tags r:id="rId56"/>
              </p:custDataLst>
            </p:nvPr>
          </p:nvSpPr>
          <p:spPr>
            <a:xfrm>
              <a:off x="98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C5A591E-EA94-407D-BEB2-8D29F5679D97}"/>
                </a:ext>
              </a:extLst>
            </p:cNvPr>
            <p:cNvSpPr/>
            <p:nvPr userDrawn="1">
              <p:custDataLst>
                <p:tags r:id="rId57"/>
              </p:custDataLst>
            </p:nvPr>
          </p:nvSpPr>
          <p:spPr>
            <a:xfrm>
              <a:off x="107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pic>
        <p:nvPicPr>
          <p:cNvPr id="5" name="Logo">
            <a:extLst>
              <a:ext uri="{FF2B5EF4-FFF2-40B4-BE49-F238E27FC236}">
                <a16:creationId xmlns:a16="http://schemas.microsoft.com/office/drawing/2014/main" id="{4698698D-C1DC-4320-8867-4CB663D7DE14}"/>
              </a:ext>
            </a:extLst>
          </p:cNvPr>
          <p:cNvPicPr>
            <a:picLocks noChangeAspect="1"/>
          </p:cNvPicPr>
          <p:nvPr userDrawn="1"/>
        </p:nvPicPr>
        <p:blipFill>
          <a:blip r:embed="rId5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9"/>
              </a:ext>
            </a:extLst>
          </a:blip>
          <a:srcRect/>
          <a:stretch/>
        </p:blipFill>
        <p:spPr>
          <a:xfrm>
            <a:off x="11260800" y="6299695"/>
            <a:ext cx="496800" cy="17009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2000" y="1728000"/>
            <a:ext cx="11325600" cy="4262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288" y="6286500"/>
            <a:ext cx="9792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31/03/2022</a:t>
            </a:r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37600" y="6286500"/>
            <a:ext cx="68616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r>
              <a:rPr lang="fr-FR"/>
              <a:t>Boite à Business T2 2022</a:t>
            </a:r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32000" y="6286500"/>
            <a:ext cx="335521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28342848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997" r:id="rId1"/>
    <p:sldLayoutId id="2147483998" r:id="rId2"/>
    <p:sldLayoutId id="2147483999" r:id="rId3"/>
    <p:sldLayoutId id="2147484000" r:id="rId4"/>
    <p:sldLayoutId id="2147484001" r:id="rId5"/>
    <p:sldLayoutId id="2147484002" r:id="rId6"/>
    <p:sldLayoutId id="2147484003" r:id="rId7"/>
    <p:sldLayoutId id="2147484004" r:id="rId8"/>
    <p:sldLayoutId id="2147484005" r:id="rId9"/>
    <p:sldLayoutId id="2147484006" r:id="rId10"/>
    <p:sldLayoutId id="2147484007" r:id="rId11"/>
    <p:sldLayoutId id="2147484008" r:id="rId12"/>
    <p:sldLayoutId id="2147484009" r:id="rId13"/>
    <p:sldLayoutId id="2147484010" r:id="rId14"/>
    <p:sldLayoutId id="2147484011" r:id="rId15"/>
    <p:sldLayoutId id="2147484012" r:id="rId16"/>
    <p:sldLayoutId id="2147484013" r:id="rId17"/>
    <p:sldLayoutId id="2147484014" r:id="rId18"/>
    <p:sldLayoutId id="2147484015" r:id="rId19"/>
    <p:sldLayoutId id="2147484016" r:id="rId20"/>
    <p:sldLayoutId id="2147484017" r:id="rId21"/>
    <p:sldLayoutId id="2147484018" r:id="rId22"/>
    <p:sldLayoutId id="2147484019" r:id="rId23"/>
    <p:sldLayoutId id="2147484020" r:id="rId24"/>
    <p:sldLayoutId id="2147484021" r:id="rId25"/>
    <p:sldLayoutId id="2147484022" r:id="rId26"/>
    <p:sldLayoutId id="2147484023" r:id="rId27"/>
    <p:sldLayoutId id="2147484024" r:id="rId28"/>
    <p:sldLayoutId id="2147484025" r:id="rId29"/>
    <p:sldLayoutId id="2147484026" r:id="rId30"/>
    <p:sldLayoutId id="2147484027" r:id="rId31"/>
    <p:sldLayoutId id="2147484028" r:id="rId32"/>
    <p:sldLayoutId id="2147484029" r:id="rId33"/>
    <p:sldLayoutId id="2147484030" r:id="rId34"/>
    <p:sldLayoutId id="2147484031" r:id="rId35"/>
    <p:sldLayoutId id="2147484032" r:id="rId36"/>
    <p:sldLayoutId id="2147484033" r:id="rId37"/>
    <p:sldLayoutId id="2147484034" r:id="rId38"/>
    <p:sldLayoutId id="2147484035" r:id="rId39"/>
    <p:sldLayoutId id="2147484036" r:id="rId40"/>
    <p:sldLayoutId id="2147484037" r:id="rId41"/>
    <p:sldLayoutId id="2147484038" r:id="rId42"/>
    <p:sldLayoutId id="2147484039" r:id="rId43"/>
    <p:sldLayoutId id="2147484041" r:id="rId44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800" b="0" kern="1200" cap="all" baseline="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tabLst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" indent="-126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Clr>
          <a:schemeClr val="accent2"/>
        </a:buClr>
        <a:buFont typeface="Dstny Body" panose="02000603000000020004" pitchFamily="2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0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Font typeface="Dstny Body" panose="02000603000000020004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Dstny Body" panose="02000603000000020004" pitchFamily="2" charset="0"/>
        <a:buChar char="​"/>
        <a:defRPr sz="6000" b="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72">
          <p15:clr>
            <a:srgbClr val="F26B43"/>
          </p15:clr>
        </p15:guide>
        <p15:guide id="2" pos="7406">
          <p15:clr>
            <a:srgbClr val="F26B43"/>
          </p15:clr>
        </p15:guide>
        <p15:guide id="3" orient="horz" pos="267">
          <p15:clr>
            <a:srgbClr val="F26B43"/>
          </p15:clr>
        </p15:guide>
        <p15:guide id="4" orient="horz" pos="4047">
          <p15:clr>
            <a:srgbClr val="A4A3A4"/>
          </p15:clr>
        </p15:guide>
        <p15:guide id="5" pos="617">
          <p15:clr>
            <a:srgbClr val="A4A3A4"/>
          </p15:clr>
        </p15:guide>
        <p15:guide id="6" pos="889">
          <p15:clr>
            <a:srgbClr val="A4A3A4"/>
          </p15:clr>
        </p15:guide>
        <p15:guide id="7" pos="1234">
          <p15:clr>
            <a:srgbClr val="A4A3A4"/>
          </p15:clr>
        </p15:guide>
        <p15:guide id="8" pos="1506">
          <p15:clr>
            <a:srgbClr val="A4A3A4"/>
          </p15:clr>
        </p15:guide>
        <p15:guide id="9" pos="1851">
          <p15:clr>
            <a:srgbClr val="A4A3A4"/>
          </p15:clr>
        </p15:guide>
        <p15:guide id="10" pos="2124">
          <p15:clr>
            <a:srgbClr val="A4A3A4"/>
          </p15:clr>
        </p15:guide>
        <p15:guide id="11" pos="2469">
          <p15:clr>
            <a:srgbClr val="A4A3A4"/>
          </p15:clr>
        </p15:guide>
        <p15:guide id="12" pos="2741">
          <p15:clr>
            <a:srgbClr val="A4A3A4"/>
          </p15:clr>
        </p15:guide>
        <p15:guide id="13" pos="3086">
          <p15:clr>
            <a:srgbClr val="A4A3A4"/>
          </p15:clr>
        </p15:guide>
        <p15:guide id="14" pos="3358">
          <p15:clr>
            <a:srgbClr val="A4A3A4"/>
          </p15:clr>
        </p15:guide>
        <p15:guide id="15" pos="3703">
          <p15:clr>
            <a:srgbClr val="A4A3A4"/>
          </p15:clr>
        </p15:guide>
        <p15:guide id="16" pos="3976">
          <p15:clr>
            <a:srgbClr val="A4A3A4"/>
          </p15:clr>
        </p15:guide>
        <p15:guide id="17" pos="4321">
          <p15:clr>
            <a:srgbClr val="A4A3A4"/>
          </p15:clr>
        </p15:guide>
        <p15:guide id="18" pos="4593">
          <p15:clr>
            <a:srgbClr val="A4A3A4"/>
          </p15:clr>
        </p15:guide>
        <p15:guide id="19" pos="4938">
          <p15:clr>
            <a:srgbClr val="A4A3A4"/>
          </p15:clr>
        </p15:guide>
        <p15:guide id="20" pos="5210">
          <p15:clr>
            <a:srgbClr val="A4A3A4"/>
          </p15:clr>
        </p15:guide>
        <p15:guide id="21" pos="5555">
          <p15:clr>
            <a:srgbClr val="A4A3A4"/>
          </p15:clr>
        </p15:guide>
        <p15:guide id="22" pos="5828">
          <p15:clr>
            <a:srgbClr val="A4A3A4"/>
          </p15:clr>
        </p15:guide>
        <p15:guide id="23" pos="6173">
          <p15:clr>
            <a:srgbClr val="A4A3A4"/>
          </p15:clr>
        </p15:guide>
        <p15:guide id="24" pos="6445">
          <p15:clr>
            <a:srgbClr val="A4A3A4"/>
          </p15:clr>
        </p15:guide>
        <p15:guide id="25" pos="6790">
          <p15:clr>
            <a:srgbClr val="A4A3A4"/>
          </p15:clr>
        </p15:guide>
        <p15:guide id="26" pos="7062">
          <p15:clr>
            <a:srgbClr val="A4A3A4"/>
          </p15:clr>
        </p15:guide>
        <p15:guide id="27" orient="horz" pos="1086">
          <p15:clr>
            <a:srgbClr val="F26B43"/>
          </p15:clr>
        </p15:guide>
        <p15:guide id="28" orient="horz" pos="3774">
          <p15:clr>
            <a:srgbClr val="F26B43"/>
          </p15:clr>
        </p15:guide>
        <p15:guide id="29" orient="horz" pos="3861">
          <p15:clr>
            <a:srgbClr val="A4A3A4"/>
          </p15:clr>
        </p15:guide>
      </p15:sldGuideLst>
    </p:ext>
  </p:extLst>
</p:sldMaster>
</file>

<file path=ppt/slideMasters/slideMaster6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CB757B4-4B2F-4B47-B3F1-E4B74FE78304}"/>
              </a:ext>
            </a:extLst>
          </p:cNvPr>
          <p:cNvGrpSpPr/>
          <p:nvPr userDrawn="1"/>
        </p:nvGrpSpPr>
        <p:grpSpPr>
          <a:xfrm>
            <a:off x="432000" y="434875"/>
            <a:ext cx="11326612" cy="5991126"/>
            <a:chOff x="432000" y="434875"/>
            <a:chExt cx="11326612" cy="5991126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DFDB159-DA84-444E-AB06-7D5C2CA07E60}"/>
                </a:ext>
              </a:extLst>
            </p:cNvPr>
            <p:cNvSpPr/>
            <p:nvPr userDrawn="1">
              <p:custDataLst>
                <p:tags r:id="rId41"/>
              </p:custDataLst>
            </p:nvPr>
          </p:nvSpPr>
          <p:spPr>
            <a:xfrm>
              <a:off x="432000" y="434875"/>
              <a:ext cx="11326612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EA6EC722-0EBE-4ADA-BD91-CF87ED4FCEAA}"/>
                </a:ext>
              </a:extLst>
            </p:cNvPr>
            <p:cNvSpPr/>
            <p:nvPr userDrawn="1">
              <p:custDataLst>
                <p:tags r:id="rId42"/>
              </p:custDataLst>
            </p:nvPr>
          </p:nvSpPr>
          <p:spPr>
            <a:xfrm>
              <a:off x="9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49B2136B-2956-4245-B96F-B81A6DD020CE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19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4441F8-AE57-4EC9-91C1-9C718479C642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29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0F3EF8AD-515B-4A40-A3B9-3D660739D596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39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B824490-9B8A-4A99-AA05-E50835952CB9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49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191D903-3DC7-4F0F-8EAC-C931E303A9B8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58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73AFD15C-89C2-4A95-A594-C64117D3FCB2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68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3D3EF56E-2DFE-4F4D-939E-3DAED467A529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78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645C9AEC-F074-4880-B7CB-3923DCE0E2E2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88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DC47FC5-2F60-4C58-A461-2F2CD060F1F9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98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C5A591E-EA94-407D-BEB2-8D29F5679D97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107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pic>
        <p:nvPicPr>
          <p:cNvPr id="5" name="Logo">
            <a:extLst>
              <a:ext uri="{FF2B5EF4-FFF2-40B4-BE49-F238E27FC236}">
                <a16:creationId xmlns:a16="http://schemas.microsoft.com/office/drawing/2014/main" id="{4698698D-C1DC-4320-8867-4CB663D7DE14}"/>
              </a:ext>
            </a:extLst>
          </p:cNvPr>
          <p:cNvPicPr>
            <a:picLocks noChangeAspect="1"/>
          </p:cNvPicPr>
          <p:nvPr userDrawn="1"/>
        </p:nvPicPr>
        <p:blipFill>
          <a:blip r:embed="rId5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4"/>
              </a:ext>
            </a:extLst>
          </a:blip>
          <a:srcRect/>
          <a:stretch/>
        </p:blipFill>
        <p:spPr>
          <a:xfrm>
            <a:off x="11260800" y="6299695"/>
            <a:ext cx="496800" cy="17009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2000" y="1728000"/>
            <a:ext cx="11325600" cy="4262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288" y="6286500"/>
            <a:ext cx="9792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37600" y="6286500"/>
            <a:ext cx="68616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32000" y="6286500"/>
            <a:ext cx="335521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69299835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29" r:id="rId1"/>
    <p:sldLayoutId id="2147484130" r:id="rId2"/>
    <p:sldLayoutId id="2147484131" r:id="rId3"/>
    <p:sldLayoutId id="2147484132" r:id="rId4"/>
    <p:sldLayoutId id="2147484133" r:id="rId5"/>
    <p:sldLayoutId id="2147484134" r:id="rId6"/>
    <p:sldLayoutId id="2147484135" r:id="rId7"/>
    <p:sldLayoutId id="2147484136" r:id="rId8"/>
    <p:sldLayoutId id="2147484137" r:id="rId9"/>
    <p:sldLayoutId id="2147484138" r:id="rId10"/>
    <p:sldLayoutId id="2147484139" r:id="rId11"/>
    <p:sldLayoutId id="2147484140" r:id="rId12"/>
    <p:sldLayoutId id="2147484141" r:id="rId13"/>
    <p:sldLayoutId id="2147484142" r:id="rId14"/>
    <p:sldLayoutId id="2147484143" r:id="rId15"/>
    <p:sldLayoutId id="2147484144" r:id="rId16"/>
    <p:sldLayoutId id="2147484145" r:id="rId17"/>
    <p:sldLayoutId id="2147484146" r:id="rId18"/>
    <p:sldLayoutId id="2147484147" r:id="rId19"/>
    <p:sldLayoutId id="2147484148" r:id="rId20"/>
    <p:sldLayoutId id="2147484149" r:id="rId21"/>
    <p:sldLayoutId id="2147484150" r:id="rId22"/>
    <p:sldLayoutId id="2147484151" r:id="rId23"/>
    <p:sldLayoutId id="2147484152" r:id="rId24"/>
    <p:sldLayoutId id="2147484153" r:id="rId25"/>
    <p:sldLayoutId id="2147484154" r:id="rId26"/>
    <p:sldLayoutId id="2147484155" r:id="rId27"/>
    <p:sldLayoutId id="2147484156" r:id="rId28"/>
    <p:sldLayoutId id="2147484157" r:id="rId29"/>
    <p:sldLayoutId id="2147484158" r:id="rId30"/>
    <p:sldLayoutId id="2147484159" r:id="rId31"/>
    <p:sldLayoutId id="2147484160" r:id="rId32"/>
    <p:sldLayoutId id="2147484161" r:id="rId33"/>
    <p:sldLayoutId id="2147484162" r:id="rId34"/>
    <p:sldLayoutId id="2147484163" r:id="rId35"/>
    <p:sldLayoutId id="2147484164" r:id="rId36"/>
    <p:sldLayoutId id="2147484165" r:id="rId37"/>
    <p:sldLayoutId id="2147484166" r:id="rId38"/>
    <p:sldLayoutId id="2147484167" r:id="rId39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800" b="0" kern="1200" cap="all" baseline="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tabLst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" indent="-126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Clr>
          <a:schemeClr val="accent2"/>
        </a:buClr>
        <a:buFont typeface="Dstny Body" panose="02000603000000020004" pitchFamily="2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0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Font typeface="Dstny Body" panose="02000603000000020004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Dstny Body" panose="02000603000000020004" pitchFamily="2" charset="0"/>
        <a:buChar char="​"/>
        <a:defRPr sz="6000" b="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72">
          <p15:clr>
            <a:srgbClr val="F26B43"/>
          </p15:clr>
        </p15:guide>
        <p15:guide id="2" pos="7406">
          <p15:clr>
            <a:srgbClr val="F26B43"/>
          </p15:clr>
        </p15:guide>
        <p15:guide id="3" orient="horz" pos="267">
          <p15:clr>
            <a:srgbClr val="F26B43"/>
          </p15:clr>
        </p15:guide>
        <p15:guide id="4" orient="horz" pos="4047">
          <p15:clr>
            <a:srgbClr val="A4A3A4"/>
          </p15:clr>
        </p15:guide>
        <p15:guide id="5" pos="617">
          <p15:clr>
            <a:srgbClr val="A4A3A4"/>
          </p15:clr>
        </p15:guide>
        <p15:guide id="6" pos="889">
          <p15:clr>
            <a:srgbClr val="A4A3A4"/>
          </p15:clr>
        </p15:guide>
        <p15:guide id="7" pos="1234">
          <p15:clr>
            <a:srgbClr val="A4A3A4"/>
          </p15:clr>
        </p15:guide>
        <p15:guide id="8" pos="1506">
          <p15:clr>
            <a:srgbClr val="A4A3A4"/>
          </p15:clr>
        </p15:guide>
        <p15:guide id="9" pos="1851">
          <p15:clr>
            <a:srgbClr val="A4A3A4"/>
          </p15:clr>
        </p15:guide>
        <p15:guide id="10" pos="2124">
          <p15:clr>
            <a:srgbClr val="A4A3A4"/>
          </p15:clr>
        </p15:guide>
        <p15:guide id="11" pos="2469">
          <p15:clr>
            <a:srgbClr val="A4A3A4"/>
          </p15:clr>
        </p15:guide>
        <p15:guide id="12" pos="2741">
          <p15:clr>
            <a:srgbClr val="A4A3A4"/>
          </p15:clr>
        </p15:guide>
        <p15:guide id="13" pos="3086">
          <p15:clr>
            <a:srgbClr val="A4A3A4"/>
          </p15:clr>
        </p15:guide>
        <p15:guide id="14" pos="3358">
          <p15:clr>
            <a:srgbClr val="A4A3A4"/>
          </p15:clr>
        </p15:guide>
        <p15:guide id="15" pos="3703">
          <p15:clr>
            <a:srgbClr val="A4A3A4"/>
          </p15:clr>
        </p15:guide>
        <p15:guide id="16" pos="3976">
          <p15:clr>
            <a:srgbClr val="A4A3A4"/>
          </p15:clr>
        </p15:guide>
        <p15:guide id="17" pos="4321">
          <p15:clr>
            <a:srgbClr val="A4A3A4"/>
          </p15:clr>
        </p15:guide>
        <p15:guide id="18" pos="4593">
          <p15:clr>
            <a:srgbClr val="A4A3A4"/>
          </p15:clr>
        </p15:guide>
        <p15:guide id="19" pos="4938">
          <p15:clr>
            <a:srgbClr val="A4A3A4"/>
          </p15:clr>
        </p15:guide>
        <p15:guide id="20" pos="5210">
          <p15:clr>
            <a:srgbClr val="A4A3A4"/>
          </p15:clr>
        </p15:guide>
        <p15:guide id="21" pos="5555">
          <p15:clr>
            <a:srgbClr val="A4A3A4"/>
          </p15:clr>
        </p15:guide>
        <p15:guide id="22" pos="5828">
          <p15:clr>
            <a:srgbClr val="A4A3A4"/>
          </p15:clr>
        </p15:guide>
        <p15:guide id="23" pos="6173">
          <p15:clr>
            <a:srgbClr val="A4A3A4"/>
          </p15:clr>
        </p15:guide>
        <p15:guide id="24" pos="6445">
          <p15:clr>
            <a:srgbClr val="A4A3A4"/>
          </p15:clr>
        </p15:guide>
        <p15:guide id="25" pos="6790">
          <p15:clr>
            <a:srgbClr val="A4A3A4"/>
          </p15:clr>
        </p15:guide>
        <p15:guide id="26" pos="7062">
          <p15:clr>
            <a:srgbClr val="A4A3A4"/>
          </p15:clr>
        </p15:guide>
        <p15:guide id="27" orient="horz" pos="1086">
          <p15:clr>
            <a:srgbClr val="F26B43"/>
          </p15:clr>
        </p15:guide>
        <p15:guide id="28" orient="horz" pos="3774">
          <p15:clr>
            <a:srgbClr val="F26B43"/>
          </p15:clr>
        </p15:guide>
        <p15:guide id="29" orient="horz" pos="3861">
          <p15:clr>
            <a:srgbClr val="A4A3A4"/>
          </p15:clr>
        </p15:guide>
      </p15:sldGuideLst>
    </p:ext>
  </p:extLst>
</p:sldMaster>
</file>

<file path=ppt/slideMasters/slideMaster7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CB757B4-4B2F-4B47-B3F1-E4B74FE78304}"/>
              </a:ext>
            </a:extLst>
          </p:cNvPr>
          <p:cNvGrpSpPr/>
          <p:nvPr userDrawn="1"/>
        </p:nvGrpSpPr>
        <p:grpSpPr>
          <a:xfrm>
            <a:off x="432002" y="434875"/>
            <a:ext cx="11326612" cy="5991126"/>
            <a:chOff x="432000" y="434875"/>
            <a:chExt cx="11326612" cy="5991126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DFDB159-DA84-444E-AB06-7D5C2CA07E60}"/>
                </a:ext>
              </a:extLst>
            </p:cNvPr>
            <p:cNvSpPr/>
            <p:nvPr userDrawn="1">
              <p:custDataLst>
                <p:tags r:id="rId41"/>
              </p:custDataLst>
            </p:nvPr>
          </p:nvSpPr>
          <p:spPr>
            <a:xfrm>
              <a:off x="432000" y="434875"/>
              <a:ext cx="11326612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EA6EC722-0EBE-4ADA-BD91-CF87ED4FCEAA}"/>
                </a:ext>
              </a:extLst>
            </p:cNvPr>
            <p:cNvSpPr/>
            <p:nvPr userDrawn="1">
              <p:custDataLst>
                <p:tags r:id="rId42"/>
              </p:custDataLst>
            </p:nvPr>
          </p:nvSpPr>
          <p:spPr>
            <a:xfrm>
              <a:off x="9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49B2136B-2956-4245-B96F-B81A6DD020CE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19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4441F8-AE57-4EC9-91C1-9C718479C642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29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0F3EF8AD-515B-4A40-A3B9-3D660739D596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39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B824490-9B8A-4A99-AA05-E50835952CB9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49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191D903-3DC7-4F0F-8EAC-C931E303A9B8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58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73AFD15C-89C2-4A95-A594-C64117D3FCB2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68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3D3EF56E-2DFE-4F4D-939E-3DAED467A529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78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645C9AEC-F074-4880-B7CB-3923DCE0E2E2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88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DC47FC5-2F60-4C58-A461-2F2CD060F1F9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98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C5A591E-EA94-407D-BEB2-8D29F5679D97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107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</p:grpSp>
      <p:pic>
        <p:nvPicPr>
          <p:cNvPr id="5" name="Logo">
            <a:extLst>
              <a:ext uri="{FF2B5EF4-FFF2-40B4-BE49-F238E27FC236}">
                <a16:creationId xmlns:a16="http://schemas.microsoft.com/office/drawing/2014/main" id="{4698698D-C1DC-4320-8867-4CB663D7DE14}"/>
              </a:ext>
            </a:extLst>
          </p:cNvPr>
          <p:cNvPicPr>
            <a:picLocks noChangeAspect="1"/>
          </p:cNvPicPr>
          <p:nvPr userDrawn="1"/>
        </p:nvPicPr>
        <p:blipFill>
          <a:blip r:embed="rId5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4"/>
              </a:ext>
            </a:extLst>
          </a:blip>
          <a:srcRect/>
          <a:stretch/>
        </p:blipFill>
        <p:spPr>
          <a:xfrm>
            <a:off x="11260800" y="6299697"/>
            <a:ext cx="496800" cy="17009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2000" y="1728000"/>
            <a:ext cx="11325600" cy="4262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289" y="6286500"/>
            <a:ext cx="9792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37600" y="6286500"/>
            <a:ext cx="68616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32003" y="6286500"/>
            <a:ext cx="335522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1461451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170" r:id="rId1"/>
    <p:sldLayoutId id="2147484171" r:id="rId2"/>
    <p:sldLayoutId id="2147484172" r:id="rId3"/>
    <p:sldLayoutId id="2147484173" r:id="rId4"/>
    <p:sldLayoutId id="2147484174" r:id="rId5"/>
    <p:sldLayoutId id="2147484175" r:id="rId6"/>
    <p:sldLayoutId id="2147484176" r:id="rId7"/>
    <p:sldLayoutId id="2147484177" r:id="rId8"/>
    <p:sldLayoutId id="2147484178" r:id="rId9"/>
    <p:sldLayoutId id="2147484179" r:id="rId10"/>
    <p:sldLayoutId id="2147484180" r:id="rId11"/>
    <p:sldLayoutId id="2147484181" r:id="rId12"/>
    <p:sldLayoutId id="2147484182" r:id="rId13"/>
    <p:sldLayoutId id="2147484183" r:id="rId14"/>
    <p:sldLayoutId id="2147484184" r:id="rId15"/>
    <p:sldLayoutId id="2147484185" r:id="rId16"/>
    <p:sldLayoutId id="2147484186" r:id="rId17"/>
    <p:sldLayoutId id="2147484187" r:id="rId18"/>
    <p:sldLayoutId id="2147484188" r:id="rId19"/>
    <p:sldLayoutId id="2147484189" r:id="rId20"/>
    <p:sldLayoutId id="2147484190" r:id="rId21"/>
    <p:sldLayoutId id="2147484191" r:id="rId22"/>
    <p:sldLayoutId id="2147484192" r:id="rId23"/>
    <p:sldLayoutId id="2147484193" r:id="rId24"/>
    <p:sldLayoutId id="2147484194" r:id="rId25"/>
    <p:sldLayoutId id="2147484195" r:id="rId26"/>
    <p:sldLayoutId id="2147484196" r:id="rId27"/>
    <p:sldLayoutId id="2147484197" r:id="rId28"/>
    <p:sldLayoutId id="2147484198" r:id="rId29"/>
    <p:sldLayoutId id="2147484199" r:id="rId30"/>
    <p:sldLayoutId id="2147484200" r:id="rId31"/>
    <p:sldLayoutId id="2147484201" r:id="rId32"/>
    <p:sldLayoutId id="2147484202" r:id="rId33"/>
    <p:sldLayoutId id="2147484203" r:id="rId34"/>
    <p:sldLayoutId id="2147484204" r:id="rId35"/>
    <p:sldLayoutId id="2147484205" r:id="rId36"/>
    <p:sldLayoutId id="2147484206" r:id="rId37"/>
    <p:sldLayoutId id="2147484207" r:id="rId38"/>
    <p:sldLayoutId id="2147484208" r:id="rId39"/>
  </p:sldLayoutIdLst>
  <p:hf hdr="0"/>
  <p:txStyles>
    <p:titleStyle>
      <a:lvl1pPr algn="l" defTabSz="91544" rtl="0" eaLnBrk="1" latinLnBrk="0" hangingPunct="1">
        <a:lnSpc>
          <a:spcPct val="90000"/>
        </a:lnSpc>
        <a:spcBef>
          <a:spcPct val="0"/>
        </a:spcBef>
        <a:buNone/>
        <a:defRPr sz="321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20" indent="-18020" algn="l" defTabSz="91544" rtl="0" eaLnBrk="1" latinLnBrk="0" hangingPunct="1">
        <a:lnSpc>
          <a:spcPct val="110000"/>
        </a:lnSpc>
        <a:spcBef>
          <a:spcPts val="0"/>
        </a:spcBef>
        <a:spcAft>
          <a:spcPts val="60"/>
        </a:spcAft>
        <a:buClr>
          <a:schemeClr val="accent2"/>
        </a:buClr>
        <a:buFont typeface="Dstny Body" panose="02000603000000020004" pitchFamily="2" charset="0"/>
        <a:buChar char="•"/>
        <a:defRPr sz="181" kern="1200">
          <a:solidFill>
            <a:schemeClr val="tx1"/>
          </a:solidFill>
          <a:latin typeface="+mn-lt"/>
          <a:ea typeface="+mn-ea"/>
          <a:cs typeface="+mn-cs"/>
        </a:defRPr>
      </a:lvl1pPr>
      <a:lvl2pPr marL="36041" indent="-18020" algn="l" defTabSz="91544" rtl="0" eaLnBrk="1" latinLnBrk="0" hangingPunct="1">
        <a:lnSpc>
          <a:spcPct val="110000"/>
        </a:lnSpc>
        <a:spcBef>
          <a:spcPts val="0"/>
        </a:spcBef>
        <a:spcAft>
          <a:spcPts val="60"/>
        </a:spcAft>
        <a:buClr>
          <a:schemeClr val="accent2"/>
        </a:buClr>
        <a:buFont typeface="Dstny Body" panose="02000603000000020004" pitchFamily="2" charset="0"/>
        <a:buChar char="•"/>
        <a:defRPr sz="181" kern="1200">
          <a:solidFill>
            <a:schemeClr val="tx1"/>
          </a:solidFill>
          <a:latin typeface="+mn-lt"/>
          <a:ea typeface="+mn-ea"/>
          <a:cs typeface="+mn-cs"/>
        </a:defRPr>
      </a:lvl2pPr>
      <a:lvl3pPr marL="54061" indent="-18020" algn="l" defTabSz="91544" rtl="0" eaLnBrk="1" latinLnBrk="0" hangingPunct="1">
        <a:lnSpc>
          <a:spcPct val="110000"/>
        </a:lnSpc>
        <a:spcBef>
          <a:spcPts val="0"/>
        </a:spcBef>
        <a:spcAft>
          <a:spcPts val="60"/>
        </a:spcAft>
        <a:buClr>
          <a:schemeClr val="accent2"/>
        </a:buClr>
        <a:buFont typeface="Dstny Body" panose="02000603000000020004" pitchFamily="2" charset="0"/>
        <a:buChar char="•"/>
        <a:defRPr sz="181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544" rtl="0" eaLnBrk="1" latinLnBrk="0" hangingPunct="1">
        <a:lnSpc>
          <a:spcPct val="110000"/>
        </a:lnSpc>
        <a:spcBef>
          <a:spcPts val="0"/>
        </a:spcBef>
        <a:spcAft>
          <a:spcPts val="120"/>
        </a:spcAft>
        <a:buFont typeface="Dstny Body" panose="02000603000000020004" pitchFamily="2" charset="0"/>
        <a:buChar char="​"/>
        <a:defRPr sz="181" b="0" kern="1200" cap="all" baseline="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544" rtl="0" eaLnBrk="1" latinLnBrk="0" hangingPunct="1">
        <a:lnSpc>
          <a:spcPct val="110000"/>
        </a:lnSpc>
        <a:spcBef>
          <a:spcPts val="0"/>
        </a:spcBef>
        <a:spcAft>
          <a:spcPts val="120"/>
        </a:spcAft>
        <a:buFont typeface="Dstny Body" panose="02000603000000020004" pitchFamily="2" charset="0"/>
        <a:buChar char="​"/>
        <a:tabLst/>
        <a:defRPr sz="181" kern="1200">
          <a:solidFill>
            <a:schemeClr val="tx1"/>
          </a:solidFill>
          <a:latin typeface="+mn-lt"/>
          <a:ea typeface="+mn-ea"/>
          <a:cs typeface="+mn-cs"/>
        </a:defRPr>
      </a:lvl5pPr>
      <a:lvl6pPr marL="12614" indent="-12614" algn="l" defTabSz="91544" rtl="0" eaLnBrk="1" latinLnBrk="0" hangingPunct="1">
        <a:lnSpc>
          <a:spcPct val="110000"/>
        </a:lnSpc>
        <a:spcBef>
          <a:spcPts val="0"/>
        </a:spcBef>
        <a:spcAft>
          <a:spcPts val="30"/>
        </a:spcAft>
        <a:buClr>
          <a:schemeClr val="accent2"/>
        </a:buClr>
        <a:buFont typeface="Dstny Body" panose="02000603000000020004" pitchFamily="2" charset="0"/>
        <a:buChar char="•"/>
        <a:defRPr sz="1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544" rtl="0" eaLnBrk="1" latinLnBrk="0" hangingPunct="1">
        <a:lnSpc>
          <a:spcPct val="110000"/>
        </a:lnSpc>
        <a:spcBef>
          <a:spcPts val="0"/>
        </a:spcBef>
        <a:spcAft>
          <a:spcPts val="120"/>
        </a:spcAft>
        <a:buFont typeface="Dstny Body" panose="02000603000000020004" pitchFamily="2" charset="0"/>
        <a:buChar char="​"/>
        <a:defRPr sz="1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544" rtl="0" eaLnBrk="1" latinLnBrk="0" hangingPunct="1">
        <a:lnSpc>
          <a:spcPct val="110000"/>
        </a:lnSpc>
        <a:spcBef>
          <a:spcPts val="0"/>
        </a:spcBef>
        <a:spcAft>
          <a:spcPts val="60"/>
        </a:spcAft>
        <a:buFont typeface="Dstny Body" panose="02000603000000020004" pitchFamily="2" charset="0"/>
        <a:buChar char="​"/>
        <a:defRPr sz="1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544" rtl="0" eaLnBrk="1" latinLnBrk="0" hangingPunct="1">
        <a:lnSpc>
          <a:spcPct val="90000"/>
        </a:lnSpc>
        <a:spcBef>
          <a:spcPts val="100"/>
        </a:spcBef>
        <a:spcAft>
          <a:spcPts val="0"/>
        </a:spcAft>
        <a:buFont typeface="Dstny Body" panose="02000603000000020004" pitchFamily="2" charset="0"/>
        <a:buChar char="​"/>
        <a:defRPr sz="601" b="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1pPr>
      <a:lvl2pPr marL="45772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2pPr>
      <a:lvl3pPr marL="91544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3pPr>
      <a:lvl4pPr marL="137315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4pPr>
      <a:lvl5pPr marL="183086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5pPr>
      <a:lvl6pPr marL="228858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6pPr>
      <a:lvl7pPr marL="274630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7pPr>
      <a:lvl8pPr marL="320402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8pPr>
      <a:lvl9pPr marL="366173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53">
          <p15:clr>
            <a:srgbClr val="F26B43"/>
          </p15:clr>
        </p15:guide>
        <p15:guide id="2" pos="4166">
          <p15:clr>
            <a:srgbClr val="F26B43"/>
          </p15:clr>
        </p15:guide>
        <p15:guide id="3" orient="horz" pos="475">
          <p15:clr>
            <a:srgbClr val="F26B43"/>
          </p15:clr>
        </p15:guide>
        <p15:guide id="4" orient="horz" pos="7195">
          <p15:clr>
            <a:srgbClr val="A4A3A4"/>
          </p15:clr>
        </p15:guide>
        <p15:guide id="5" pos="347">
          <p15:clr>
            <a:srgbClr val="A4A3A4"/>
          </p15:clr>
        </p15:guide>
        <p15:guide id="6" pos="500">
          <p15:clr>
            <a:srgbClr val="A4A3A4"/>
          </p15:clr>
        </p15:guide>
        <p15:guide id="7" pos="694">
          <p15:clr>
            <a:srgbClr val="A4A3A4"/>
          </p15:clr>
        </p15:guide>
        <p15:guide id="8" pos="847">
          <p15:clr>
            <a:srgbClr val="A4A3A4"/>
          </p15:clr>
        </p15:guide>
        <p15:guide id="9" pos="1041">
          <p15:clr>
            <a:srgbClr val="A4A3A4"/>
          </p15:clr>
        </p15:guide>
        <p15:guide id="10" pos="1195">
          <p15:clr>
            <a:srgbClr val="A4A3A4"/>
          </p15:clr>
        </p15:guide>
        <p15:guide id="11" pos="1389">
          <p15:clr>
            <a:srgbClr val="A4A3A4"/>
          </p15:clr>
        </p15:guide>
        <p15:guide id="12" pos="1542">
          <p15:clr>
            <a:srgbClr val="A4A3A4"/>
          </p15:clr>
        </p15:guide>
        <p15:guide id="13" pos="1736">
          <p15:clr>
            <a:srgbClr val="A4A3A4"/>
          </p15:clr>
        </p15:guide>
        <p15:guide id="14" pos="1889">
          <p15:clr>
            <a:srgbClr val="A4A3A4"/>
          </p15:clr>
        </p15:guide>
        <p15:guide id="15" pos="2083">
          <p15:clr>
            <a:srgbClr val="A4A3A4"/>
          </p15:clr>
        </p15:guide>
        <p15:guide id="16" pos="2237">
          <p15:clr>
            <a:srgbClr val="A4A3A4"/>
          </p15:clr>
        </p15:guide>
        <p15:guide id="17" pos="2431">
          <p15:clr>
            <a:srgbClr val="A4A3A4"/>
          </p15:clr>
        </p15:guide>
        <p15:guide id="18" pos="2584">
          <p15:clr>
            <a:srgbClr val="A4A3A4"/>
          </p15:clr>
        </p15:guide>
        <p15:guide id="19" pos="2778">
          <p15:clr>
            <a:srgbClr val="A4A3A4"/>
          </p15:clr>
        </p15:guide>
        <p15:guide id="20" pos="2931">
          <p15:clr>
            <a:srgbClr val="A4A3A4"/>
          </p15:clr>
        </p15:guide>
        <p15:guide id="21" pos="3125">
          <p15:clr>
            <a:srgbClr val="A4A3A4"/>
          </p15:clr>
        </p15:guide>
        <p15:guide id="22" pos="3278">
          <p15:clr>
            <a:srgbClr val="A4A3A4"/>
          </p15:clr>
        </p15:guide>
        <p15:guide id="23" pos="3472">
          <p15:clr>
            <a:srgbClr val="A4A3A4"/>
          </p15:clr>
        </p15:guide>
        <p15:guide id="24" pos="3625">
          <p15:clr>
            <a:srgbClr val="A4A3A4"/>
          </p15:clr>
        </p15:guide>
        <p15:guide id="25" pos="3819">
          <p15:clr>
            <a:srgbClr val="A4A3A4"/>
          </p15:clr>
        </p15:guide>
        <p15:guide id="26" pos="3972">
          <p15:clr>
            <a:srgbClr val="A4A3A4"/>
          </p15:clr>
        </p15:guide>
        <p15:guide id="27" orient="horz" pos="1931">
          <p15:clr>
            <a:srgbClr val="F26B43"/>
          </p15:clr>
        </p15:guide>
        <p15:guide id="28" orient="horz" pos="6709">
          <p15:clr>
            <a:srgbClr val="F26B43"/>
          </p15:clr>
        </p15:guide>
        <p15:guide id="29" orient="horz" pos="6864">
          <p15:clr>
            <a:srgbClr val="A4A3A4"/>
          </p15:clr>
        </p15:guide>
      </p15:sldGuideLst>
    </p:ext>
  </p:extLst>
</p:sldMaster>
</file>

<file path=ppt/slideMasters/slideMaster8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CB757B4-4B2F-4B47-B3F1-E4B74FE78304}"/>
              </a:ext>
            </a:extLst>
          </p:cNvPr>
          <p:cNvGrpSpPr/>
          <p:nvPr userDrawn="1"/>
        </p:nvGrpSpPr>
        <p:grpSpPr>
          <a:xfrm>
            <a:off x="432002" y="434875"/>
            <a:ext cx="11326612" cy="5991126"/>
            <a:chOff x="432000" y="434875"/>
            <a:chExt cx="11326612" cy="5991126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DFDB159-DA84-444E-AB06-7D5C2CA07E60}"/>
                </a:ext>
              </a:extLst>
            </p:cNvPr>
            <p:cNvSpPr/>
            <p:nvPr userDrawn="1">
              <p:custDataLst>
                <p:tags r:id="rId41"/>
              </p:custDataLst>
            </p:nvPr>
          </p:nvSpPr>
          <p:spPr>
            <a:xfrm>
              <a:off x="432000" y="434875"/>
              <a:ext cx="11326612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EA6EC722-0EBE-4ADA-BD91-CF87ED4FCEAA}"/>
                </a:ext>
              </a:extLst>
            </p:cNvPr>
            <p:cNvSpPr/>
            <p:nvPr userDrawn="1">
              <p:custDataLst>
                <p:tags r:id="rId42"/>
              </p:custDataLst>
            </p:nvPr>
          </p:nvSpPr>
          <p:spPr>
            <a:xfrm>
              <a:off x="9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49B2136B-2956-4245-B96F-B81A6DD020CE}"/>
                </a:ext>
              </a:extLst>
            </p:cNvPr>
            <p:cNvSpPr/>
            <p:nvPr userDrawn="1">
              <p:custDataLst>
                <p:tags r:id="rId43"/>
              </p:custDataLst>
            </p:nvPr>
          </p:nvSpPr>
          <p:spPr>
            <a:xfrm>
              <a:off x="19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4441F8-AE57-4EC9-91C1-9C718479C642}"/>
                </a:ext>
              </a:extLst>
            </p:cNvPr>
            <p:cNvSpPr/>
            <p:nvPr userDrawn="1">
              <p:custDataLst>
                <p:tags r:id="rId44"/>
              </p:custDataLst>
            </p:nvPr>
          </p:nvSpPr>
          <p:spPr>
            <a:xfrm>
              <a:off x="29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0F3EF8AD-515B-4A40-A3B9-3D660739D596}"/>
                </a:ext>
              </a:extLst>
            </p:cNvPr>
            <p:cNvSpPr/>
            <p:nvPr userDrawn="1">
              <p:custDataLst>
                <p:tags r:id="rId45"/>
              </p:custDataLst>
            </p:nvPr>
          </p:nvSpPr>
          <p:spPr>
            <a:xfrm>
              <a:off x="39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B824490-9B8A-4A99-AA05-E50835952CB9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49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191D903-3DC7-4F0F-8EAC-C931E303A9B8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58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73AFD15C-89C2-4A95-A594-C64117D3FCB2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68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3D3EF56E-2DFE-4F4D-939E-3DAED467A529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78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645C9AEC-F074-4880-B7CB-3923DCE0E2E2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88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DC47FC5-2F60-4C58-A461-2F2CD060F1F9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98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C5A591E-EA94-407D-BEB2-8D29F5679D97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107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" noProof="0" dirty="0" err="1"/>
            </a:p>
          </p:txBody>
        </p:sp>
      </p:grpSp>
      <p:pic>
        <p:nvPicPr>
          <p:cNvPr id="5" name="Logo">
            <a:extLst>
              <a:ext uri="{FF2B5EF4-FFF2-40B4-BE49-F238E27FC236}">
                <a16:creationId xmlns:a16="http://schemas.microsoft.com/office/drawing/2014/main" id="{4698698D-C1DC-4320-8867-4CB663D7DE14}"/>
              </a:ext>
            </a:extLst>
          </p:cNvPr>
          <p:cNvPicPr>
            <a:picLocks noChangeAspect="1"/>
          </p:cNvPicPr>
          <p:nvPr userDrawn="1"/>
        </p:nvPicPr>
        <p:blipFill>
          <a:blip r:embed="rId5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4"/>
              </a:ext>
            </a:extLst>
          </a:blip>
          <a:srcRect/>
          <a:stretch/>
        </p:blipFill>
        <p:spPr>
          <a:xfrm>
            <a:off x="11260800" y="6299697"/>
            <a:ext cx="496800" cy="17009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2000" y="1728000"/>
            <a:ext cx="11325600" cy="4262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289" y="6286500"/>
            <a:ext cx="9792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37600" y="6286500"/>
            <a:ext cx="68616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32003" y="6286500"/>
            <a:ext cx="335522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1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1461451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214" r:id="rId1"/>
    <p:sldLayoutId id="2147484215" r:id="rId2"/>
    <p:sldLayoutId id="2147484216" r:id="rId3"/>
    <p:sldLayoutId id="2147484217" r:id="rId4"/>
    <p:sldLayoutId id="2147484218" r:id="rId5"/>
    <p:sldLayoutId id="2147484219" r:id="rId6"/>
    <p:sldLayoutId id="2147484220" r:id="rId7"/>
    <p:sldLayoutId id="2147484221" r:id="rId8"/>
    <p:sldLayoutId id="2147484222" r:id="rId9"/>
    <p:sldLayoutId id="2147484223" r:id="rId10"/>
    <p:sldLayoutId id="2147484224" r:id="rId11"/>
    <p:sldLayoutId id="2147484225" r:id="rId12"/>
    <p:sldLayoutId id="2147484226" r:id="rId13"/>
    <p:sldLayoutId id="2147484227" r:id="rId14"/>
    <p:sldLayoutId id="2147484228" r:id="rId15"/>
    <p:sldLayoutId id="2147484229" r:id="rId16"/>
    <p:sldLayoutId id="2147484230" r:id="rId17"/>
    <p:sldLayoutId id="2147484231" r:id="rId18"/>
    <p:sldLayoutId id="2147484232" r:id="rId19"/>
    <p:sldLayoutId id="2147484233" r:id="rId20"/>
    <p:sldLayoutId id="2147484234" r:id="rId21"/>
    <p:sldLayoutId id="2147484235" r:id="rId22"/>
    <p:sldLayoutId id="2147484236" r:id="rId23"/>
    <p:sldLayoutId id="2147484237" r:id="rId24"/>
    <p:sldLayoutId id="2147484238" r:id="rId25"/>
    <p:sldLayoutId id="2147484239" r:id="rId26"/>
    <p:sldLayoutId id="2147484240" r:id="rId27"/>
    <p:sldLayoutId id="2147484241" r:id="rId28"/>
    <p:sldLayoutId id="2147484242" r:id="rId29"/>
    <p:sldLayoutId id="2147484243" r:id="rId30"/>
    <p:sldLayoutId id="2147484244" r:id="rId31"/>
    <p:sldLayoutId id="2147484245" r:id="rId32"/>
    <p:sldLayoutId id="2147484246" r:id="rId33"/>
    <p:sldLayoutId id="2147484247" r:id="rId34"/>
    <p:sldLayoutId id="2147484248" r:id="rId35"/>
    <p:sldLayoutId id="2147484249" r:id="rId36"/>
    <p:sldLayoutId id="2147484250" r:id="rId37"/>
    <p:sldLayoutId id="2147484251" r:id="rId38"/>
    <p:sldLayoutId id="2147484252" r:id="rId39"/>
  </p:sldLayoutIdLst>
  <p:hf hdr="0"/>
  <p:txStyles>
    <p:titleStyle>
      <a:lvl1pPr algn="l" defTabSz="91544" rtl="0" eaLnBrk="1" latinLnBrk="0" hangingPunct="1">
        <a:lnSpc>
          <a:spcPct val="90000"/>
        </a:lnSpc>
        <a:spcBef>
          <a:spcPct val="0"/>
        </a:spcBef>
        <a:buNone/>
        <a:defRPr sz="321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20" indent="-18020" algn="l" defTabSz="91544" rtl="0" eaLnBrk="1" latinLnBrk="0" hangingPunct="1">
        <a:lnSpc>
          <a:spcPct val="110000"/>
        </a:lnSpc>
        <a:spcBef>
          <a:spcPts val="0"/>
        </a:spcBef>
        <a:spcAft>
          <a:spcPts val="60"/>
        </a:spcAft>
        <a:buClr>
          <a:schemeClr val="accent2"/>
        </a:buClr>
        <a:buFont typeface="Dstny Body" panose="02000603000000020004" pitchFamily="2" charset="0"/>
        <a:buChar char="•"/>
        <a:defRPr sz="181" kern="1200">
          <a:solidFill>
            <a:schemeClr val="tx1"/>
          </a:solidFill>
          <a:latin typeface="+mn-lt"/>
          <a:ea typeface="+mn-ea"/>
          <a:cs typeface="+mn-cs"/>
        </a:defRPr>
      </a:lvl1pPr>
      <a:lvl2pPr marL="36041" indent="-18020" algn="l" defTabSz="91544" rtl="0" eaLnBrk="1" latinLnBrk="0" hangingPunct="1">
        <a:lnSpc>
          <a:spcPct val="110000"/>
        </a:lnSpc>
        <a:spcBef>
          <a:spcPts val="0"/>
        </a:spcBef>
        <a:spcAft>
          <a:spcPts val="60"/>
        </a:spcAft>
        <a:buClr>
          <a:schemeClr val="accent2"/>
        </a:buClr>
        <a:buFont typeface="Dstny Body" panose="02000603000000020004" pitchFamily="2" charset="0"/>
        <a:buChar char="•"/>
        <a:defRPr sz="181" kern="1200">
          <a:solidFill>
            <a:schemeClr val="tx1"/>
          </a:solidFill>
          <a:latin typeface="+mn-lt"/>
          <a:ea typeface="+mn-ea"/>
          <a:cs typeface="+mn-cs"/>
        </a:defRPr>
      </a:lvl2pPr>
      <a:lvl3pPr marL="54061" indent="-18020" algn="l" defTabSz="91544" rtl="0" eaLnBrk="1" latinLnBrk="0" hangingPunct="1">
        <a:lnSpc>
          <a:spcPct val="110000"/>
        </a:lnSpc>
        <a:spcBef>
          <a:spcPts val="0"/>
        </a:spcBef>
        <a:spcAft>
          <a:spcPts val="60"/>
        </a:spcAft>
        <a:buClr>
          <a:schemeClr val="accent2"/>
        </a:buClr>
        <a:buFont typeface="Dstny Body" panose="02000603000000020004" pitchFamily="2" charset="0"/>
        <a:buChar char="•"/>
        <a:defRPr sz="181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544" rtl="0" eaLnBrk="1" latinLnBrk="0" hangingPunct="1">
        <a:lnSpc>
          <a:spcPct val="110000"/>
        </a:lnSpc>
        <a:spcBef>
          <a:spcPts val="0"/>
        </a:spcBef>
        <a:spcAft>
          <a:spcPts val="120"/>
        </a:spcAft>
        <a:buFont typeface="Dstny Body" panose="02000603000000020004" pitchFamily="2" charset="0"/>
        <a:buChar char="​"/>
        <a:defRPr sz="181" b="0" kern="1200" cap="all" baseline="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544" rtl="0" eaLnBrk="1" latinLnBrk="0" hangingPunct="1">
        <a:lnSpc>
          <a:spcPct val="110000"/>
        </a:lnSpc>
        <a:spcBef>
          <a:spcPts val="0"/>
        </a:spcBef>
        <a:spcAft>
          <a:spcPts val="120"/>
        </a:spcAft>
        <a:buFont typeface="Dstny Body" panose="02000603000000020004" pitchFamily="2" charset="0"/>
        <a:buChar char="​"/>
        <a:tabLst/>
        <a:defRPr sz="181" kern="1200">
          <a:solidFill>
            <a:schemeClr val="tx1"/>
          </a:solidFill>
          <a:latin typeface="+mn-lt"/>
          <a:ea typeface="+mn-ea"/>
          <a:cs typeface="+mn-cs"/>
        </a:defRPr>
      </a:lvl5pPr>
      <a:lvl6pPr marL="12614" indent="-12614" algn="l" defTabSz="91544" rtl="0" eaLnBrk="1" latinLnBrk="0" hangingPunct="1">
        <a:lnSpc>
          <a:spcPct val="110000"/>
        </a:lnSpc>
        <a:spcBef>
          <a:spcPts val="0"/>
        </a:spcBef>
        <a:spcAft>
          <a:spcPts val="30"/>
        </a:spcAft>
        <a:buClr>
          <a:schemeClr val="accent2"/>
        </a:buClr>
        <a:buFont typeface="Dstny Body" panose="02000603000000020004" pitchFamily="2" charset="0"/>
        <a:buChar char="•"/>
        <a:defRPr sz="1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544" rtl="0" eaLnBrk="1" latinLnBrk="0" hangingPunct="1">
        <a:lnSpc>
          <a:spcPct val="110000"/>
        </a:lnSpc>
        <a:spcBef>
          <a:spcPts val="0"/>
        </a:spcBef>
        <a:spcAft>
          <a:spcPts val="120"/>
        </a:spcAft>
        <a:buFont typeface="Dstny Body" panose="02000603000000020004" pitchFamily="2" charset="0"/>
        <a:buChar char="​"/>
        <a:defRPr sz="1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544" rtl="0" eaLnBrk="1" latinLnBrk="0" hangingPunct="1">
        <a:lnSpc>
          <a:spcPct val="110000"/>
        </a:lnSpc>
        <a:spcBef>
          <a:spcPts val="0"/>
        </a:spcBef>
        <a:spcAft>
          <a:spcPts val="60"/>
        </a:spcAft>
        <a:buFont typeface="Dstny Body" panose="02000603000000020004" pitchFamily="2" charset="0"/>
        <a:buChar char="​"/>
        <a:defRPr sz="1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544" rtl="0" eaLnBrk="1" latinLnBrk="0" hangingPunct="1">
        <a:lnSpc>
          <a:spcPct val="90000"/>
        </a:lnSpc>
        <a:spcBef>
          <a:spcPts val="100"/>
        </a:spcBef>
        <a:spcAft>
          <a:spcPts val="0"/>
        </a:spcAft>
        <a:buFont typeface="Dstny Body" panose="02000603000000020004" pitchFamily="2" charset="0"/>
        <a:buChar char="​"/>
        <a:defRPr sz="601" b="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1pPr>
      <a:lvl2pPr marL="45772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2pPr>
      <a:lvl3pPr marL="91544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3pPr>
      <a:lvl4pPr marL="137315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4pPr>
      <a:lvl5pPr marL="183086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5pPr>
      <a:lvl6pPr marL="228858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6pPr>
      <a:lvl7pPr marL="274630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7pPr>
      <a:lvl8pPr marL="320402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8pPr>
      <a:lvl9pPr marL="366173" algn="l" defTabSz="91544" rtl="0" eaLnBrk="1" latinLnBrk="0" hangingPunct="1">
        <a:defRPr sz="181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153">
          <p15:clr>
            <a:srgbClr val="F26B43"/>
          </p15:clr>
        </p15:guide>
        <p15:guide id="2" pos="4166">
          <p15:clr>
            <a:srgbClr val="F26B43"/>
          </p15:clr>
        </p15:guide>
        <p15:guide id="3" orient="horz" pos="475">
          <p15:clr>
            <a:srgbClr val="F26B43"/>
          </p15:clr>
        </p15:guide>
        <p15:guide id="4" orient="horz" pos="7195">
          <p15:clr>
            <a:srgbClr val="A4A3A4"/>
          </p15:clr>
        </p15:guide>
        <p15:guide id="5" pos="347">
          <p15:clr>
            <a:srgbClr val="A4A3A4"/>
          </p15:clr>
        </p15:guide>
        <p15:guide id="6" pos="500">
          <p15:clr>
            <a:srgbClr val="A4A3A4"/>
          </p15:clr>
        </p15:guide>
        <p15:guide id="7" pos="694">
          <p15:clr>
            <a:srgbClr val="A4A3A4"/>
          </p15:clr>
        </p15:guide>
        <p15:guide id="8" pos="847">
          <p15:clr>
            <a:srgbClr val="A4A3A4"/>
          </p15:clr>
        </p15:guide>
        <p15:guide id="9" pos="1041">
          <p15:clr>
            <a:srgbClr val="A4A3A4"/>
          </p15:clr>
        </p15:guide>
        <p15:guide id="10" pos="1195">
          <p15:clr>
            <a:srgbClr val="A4A3A4"/>
          </p15:clr>
        </p15:guide>
        <p15:guide id="11" pos="1389">
          <p15:clr>
            <a:srgbClr val="A4A3A4"/>
          </p15:clr>
        </p15:guide>
        <p15:guide id="12" pos="1542">
          <p15:clr>
            <a:srgbClr val="A4A3A4"/>
          </p15:clr>
        </p15:guide>
        <p15:guide id="13" pos="1736">
          <p15:clr>
            <a:srgbClr val="A4A3A4"/>
          </p15:clr>
        </p15:guide>
        <p15:guide id="14" pos="1889">
          <p15:clr>
            <a:srgbClr val="A4A3A4"/>
          </p15:clr>
        </p15:guide>
        <p15:guide id="15" pos="2083">
          <p15:clr>
            <a:srgbClr val="A4A3A4"/>
          </p15:clr>
        </p15:guide>
        <p15:guide id="16" pos="2237">
          <p15:clr>
            <a:srgbClr val="A4A3A4"/>
          </p15:clr>
        </p15:guide>
        <p15:guide id="17" pos="2431">
          <p15:clr>
            <a:srgbClr val="A4A3A4"/>
          </p15:clr>
        </p15:guide>
        <p15:guide id="18" pos="2584">
          <p15:clr>
            <a:srgbClr val="A4A3A4"/>
          </p15:clr>
        </p15:guide>
        <p15:guide id="19" pos="2778">
          <p15:clr>
            <a:srgbClr val="A4A3A4"/>
          </p15:clr>
        </p15:guide>
        <p15:guide id="20" pos="2931">
          <p15:clr>
            <a:srgbClr val="A4A3A4"/>
          </p15:clr>
        </p15:guide>
        <p15:guide id="21" pos="3125">
          <p15:clr>
            <a:srgbClr val="A4A3A4"/>
          </p15:clr>
        </p15:guide>
        <p15:guide id="22" pos="3278">
          <p15:clr>
            <a:srgbClr val="A4A3A4"/>
          </p15:clr>
        </p15:guide>
        <p15:guide id="23" pos="3472">
          <p15:clr>
            <a:srgbClr val="A4A3A4"/>
          </p15:clr>
        </p15:guide>
        <p15:guide id="24" pos="3625">
          <p15:clr>
            <a:srgbClr val="A4A3A4"/>
          </p15:clr>
        </p15:guide>
        <p15:guide id="25" pos="3819">
          <p15:clr>
            <a:srgbClr val="A4A3A4"/>
          </p15:clr>
        </p15:guide>
        <p15:guide id="26" pos="3972">
          <p15:clr>
            <a:srgbClr val="A4A3A4"/>
          </p15:clr>
        </p15:guide>
        <p15:guide id="27" orient="horz" pos="1931">
          <p15:clr>
            <a:srgbClr val="F26B43"/>
          </p15:clr>
        </p15:guide>
        <p15:guide id="28" orient="horz" pos="6709">
          <p15:clr>
            <a:srgbClr val="F26B43"/>
          </p15:clr>
        </p15:guide>
        <p15:guide id="29" orient="horz" pos="6864">
          <p15:clr>
            <a:srgbClr val="A4A3A4"/>
          </p15:clr>
        </p15:guide>
      </p15:sldGuideLst>
    </p:ext>
  </p:extLst>
</p:sldMaster>
</file>

<file path=ppt/slideMasters/slideMaster9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guide" hidden="1">
            <a:extLst>
              <a:ext uri="{FF2B5EF4-FFF2-40B4-BE49-F238E27FC236}">
                <a16:creationId xmlns:a16="http://schemas.microsoft.com/office/drawing/2014/main" id="{9CB757B4-4B2F-4B47-B3F1-E4B74FE78304}"/>
              </a:ext>
            </a:extLst>
          </p:cNvPr>
          <p:cNvGrpSpPr/>
          <p:nvPr userDrawn="1"/>
        </p:nvGrpSpPr>
        <p:grpSpPr>
          <a:xfrm>
            <a:off x="432000" y="434875"/>
            <a:ext cx="11326612" cy="5991126"/>
            <a:chOff x="432000" y="434875"/>
            <a:chExt cx="11326612" cy="5991126"/>
          </a:xfrm>
        </p:grpSpPr>
        <p:sp>
          <p:nvSpPr>
            <p:cNvPr id="10" name="Rectangle 9">
              <a:extLst>
                <a:ext uri="{FF2B5EF4-FFF2-40B4-BE49-F238E27FC236}">
                  <a16:creationId xmlns:a16="http://schemas.microsoft.com/office/drawing/2014/main" id="{0DFDB159-DA84-444E-AB06-7D5C2CA07E60}"/>
                </a:ext>
              </a:extLst>
            </p:cNvPr>
            <p:cNvSpPr/>
            <p:nvPr userDrawn="1">
              <p:custDataLst>
                <p:tags r:id="rId46"/>
              </p:custDataLst>
            </p:nvPr>
          </p:nvSpPr>
          <p:spPr>
            <a:xfrm>
              <a:off x="432000" y="434875"/>
              <a:ext cx="11326612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1" name="Rectangle 10">
              <a:extLst>
                <a:ext uri="{FF2B5EF4-FFF2-40B4-BE49-F238E27FC236}">
                  <a16:creationId xmlns:a16="http://schemas.microsoft.com/office/drawing/2014/main" id="{EA6EC722-0EBE-4ADA-BD91-CF87ED4FCEAA}"/>
                </a:ext>
              </a:extLst>
            </p:cNvPr>
            <p:cNvSpPr/>
            <p:nvPr userDrawn="1">
              <p:custDataLst>
                <p:tags r:id="rId47"/>
              </p:custDataLst>
            </p:nvPr>
          </p:nvSpPr>
          <p:spPr>
            <a:xfrm>
              <a:off x="9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49B2136B-2956-4245-B96F-B81A6DD020CE}"/>
                </a:ext>
              </a:extLst>
            </p:cNvPr>
            <p:cNvSpPr/>
            <p:nvPr userDrawn="1">
              <p:custDataLst>
                <p:tags r:id="rId48"/>
              </p:custDataLst>
            </p:nvPr>
          </p:nvSpPr>
          <p:spPr>
            <a:xfrm>
              <a:off x="19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3" name="Rectangle 12">
              <a:extLst>
                <a:ext uri="{FF2B5EF4-FFF2-40B4-BE49-F238E27FC236}">
                  <a16:creationId xmlns:a16="http://schemas.microsoft.com/office/drawing/2014/main" id="{324441F8-AE57-4EC9-91C1-9C718479C642}"/>
                </a:ext>
              </a:extLst>
            </p:cNvPr>
            <p:cNvSpPr/>
            <p:nvPr userDrawn="1">
              <p:custDataLst>
                <p:tags r:id="rId49"/>
              </p:custDataLst>
            </p:nvPr>
          </p:nvSpPr>
          <p:spPr>
            <a:xfrm>
              <a:off x="29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4" name="Rectangle 13">
              <a:extLst>
                <a:ext uri="{FF2B5EF4-FFF2-40B4-BE49-F238E27FC236}">
                  <a16:creationId xmlns:a16="http://schemas.microsoft.com/office/drawing/2014/main" id="{0F3EF8AD-515B-4A40-A3B9-3D660739D596}"/>
                </a:ext>
              </a:extLst>
            </p:cNvPr>
            <p:cNvSpPr/>
            <p:nvPr userDrawn="1">
              <p:custDataLst>
                <p:tags r:id="rId50"/>
              </p:custDataLst>
            </p:nvPr>
          </p:nvSpPr>
          <p:spPr>
            <a:xfrm>
              <a:off x="39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5" name="Rectangle 14">
              <a:extLst>
                <a:ext uri="{FF2B5EF4-FFF2-40B4-BE49-F238E27FC236}">
                  <a16:creationId xmlns:a16="http://schemas.microsoft.com/office/drawing/2014/main" id="{2B824490-9B8A-4A99-AA05-E50835952CB9}"/>
                </a:ext>
              </a:extLst>
            </p:cNvPr>
            <p:cNvSpPr/>
            <p:nvPr userDrawn="1">
              <p:custDataLst>
                <p:tags r:id="rId51"/>
              </p:custDataLst>
            </p:nvPr>
          </p:nvSpPr>
          <p:spPr>
            <a:xfrm>
              <a:off x="49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6" name="Rectangle 15">
              <a:extLst>
                <a:ext uri="{FF2B5EF4-FFF2-40B4-BE49-F238E27FC236}">
                  <a16:creationId xmlns:a16="http://schemas.microsoft.com/office/drawing/2014/main" id="{9191D903-3DC7-4F0F-8EAC-C931E303A9B8}"/>
                </a:ext>
              </a:extLst>
            </p:cNvPr>
            <p:cNvSpPr/>
            <p:nvPr userDrawn="1">
              <p:custDataLst>
                <p:tags r:id="rId52"/>
              </p:custDataLst>
            </p:nvPr>
          </p:nvSpPr>
          <p:spPr>
            <a:xfrm>
              <a:off x="58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7" name="Rectangle 16">
              <a:extLst>
                <a:ext uri="{FF2B5EF4-FFF2-40B4-BE49-F238E27FC236}">
                  <a16:creationId xmlns:a16="http://schemas.microsoft.com/office/drawing/2014/main" id="{73AFD15C-89C2-4A95-A594-C64117D3FCB2}"/>
                </a:ext>
              </a:extLst>
            </p:cNvPr>
            <p:cNvSpPr/>
            <p:nvPr userDrawn="1">
              <p:custDataLst>
                <p:tags r:id="rId53"/>
              </p:custDataLst>
            </p:nvPr>
          </p:nvSpPr>
          <p:spPr>
            <a:xfrm>
              <a:off x="686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8" name="Rectangle 17">
              <a:extLst>
                <a:ext uri="{FF2B5EF4-FFF2-40B4-BE49-F238E27FC236}">
                  <a16:creationId xmlns:a16="http://schemas.microsoft.com/office/drawing/2014/main" id="{3D3EF56E-2DFE-4F4D-939E-3DAED467A529}"/>
                </a:ext>
              </a:extLst>
            </p:cNvPr>
            <p:cNvSpPr/>
            <p:nvPr userDrawn="1">
              <p:custDataLst>
                <p:tags r:id="rId54"/>
              </p:custDataLst>
            </p:nvPr>
          </p:nvSpPr>
          <p:spPr>
            <a:xfrm>
              <a:off x="784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19" name="Rectangle 18">
              <a:extLst>
                <a:ext uri="{FF2B5EF4-FFF2-40B4-BE49-F238E27FC236}">
                  <a16:creationId xmlns:a16="http://schemas.microsoft.com/office/drawing/2014/main" id="{645C9AEC-F074-4880-B7CB-3923DCE0E2E2}"/>
                </a:ext>
              </a:extLst>
            </p:cNvPr>
            <p:cNvSpPr/>
            <p:nvPr userDrawn="1">
              <p:custDataLst>
                <p:tags r:id="rId55"/>
              </p:custDataLst>
            </p:nvPr>
          </p:nvSpPr>
          <p:spPr>
            <a:xfrm>
              <a:off x="882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0" name="Rectangle 19">
              <a:extLst>
                <a:ext uri="{FF2B5EF4-FFF2-40B4-BE49-F238E27FC236}">
                  <a16:creationId xmlns:a16="http://schemas.microsoft.com/office/drawing/2014/main" id="{2DC47FC5-2F60-4C58-A461-2F2CD060F1F9}"/>
                </a:ext>
              </a:extLst>
            </p:cNvPr>
            <p:cNvSpPr/>
            <p:nvPr userDrawn="1">
              <p:custDataLst>
                <p:tags r:id="rId56"/>
              </p:custDataLst>
            </p:nvPr>
          </p:nvSpPr>
          <p:spPr>
            <a:xfrm>
              <a:off x="980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  <p:sp>
          <p:nvSpPr>
            <p:cNvPr id="21" name="Rectangle 20">
              <a:extLst>
                <a:ext uri="{FF2B5EF4-FFF2-40B4-BE49-F238E27FC236}">
                  <a16:creationId xmlns:a16="http://schemas.microsoft.com/office/drawing/2014/main" id="{4C5A591E-EA94-407D-BEB2-8D29F5679D97}"/>
                </a:ext>
              </a:extLst>
            </p:cNvPr>
            <p:cNvSpPr/>
            <p:nvPr userDrawn="1">
              <p:custDataLst>
                <p:tags r:id="rId57"/>
              </p:custDataLst>
            </p:nvPr>
          </p:nvSpPr>
          <p:spPr>
            <a:xfrm>
              <a:off x="10780001" y="434875"/>
              <a:ext cx="432000" cy="5991126"/>
            </a:xfrm>
            <a:prstGeom prst="rect">
              <a:avLst/>
            </a:prstGeom>
            <a:noFill/>
            <a:ln w="3175" cap="flat" cmpd="sng" algn="ctr">
              <a:solidFill>
                <a:srgbClr val="FF4B4B"/>
              </a:solidFill>
              <a:prstDash val="solid"/>
              <a:miter lim="800000"/>
              <a:headEnd type="none" w="med" len="med"/>
              <a:tailEnd type="none" w="med" len="med"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algn="ctr"/>
              <a:endParaRPr lang="en-GB" sz="2000" noProof="0" dirty="0" err="1"/>
            </a:p>
          </p:txBody>
        </p:sp>
      </p:grpSp>
      <p:pic>
        <p:nvPicPr>
          <p:cNvPr id="5" name="Logo">
            <a:extLst>
              <a:ext uri="{FF2B5EF4-FFF2-40B4-BE49-F238E27FC236}">
                <a16:creationId xmlns:a16="http://schemas.microsoft.com/office/drawing/2014/main" id="{4698698D-C1DC-4320-8867-4CB663D7DE14}"/>
              </a:ext>
            </a:extLst>
          </p:cNvPr>
          <p:cNvPicPr>
            <a:picLocks noChangeAspect="1"/>
          </p:cNvPicPr>
          <p:nvPr userDrawn="1"/>
        </p:nvPicPr>
        <p:blipFill>
          <a:blip r:embed="rId58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9"/>
              </a:ext>
            </a:extLst>
          </a:blip>
          <a:srcRect/>
          <a:stretch/>
        </p:blipFill>
        <p:spPr>
          <a:xfrm>
            <a:off x="11260800" y="6299695"/>
            <a:ext cx="496800" cy="170095"/>
          </a:xfrm>
          <a:prstGeom prst="rect">
            <a:avLst/>
          </a:prstGeom>
        </p:spPr>
      </p:pic>
      <p:sp>
        <p:nvSpPr>
          <p:cNvPr id="7" name="Title Placeholder 6">
            <a:extLst>
              <a:ext uri="{FF2B5EF4-FFF2-40B4-BE49-F238E27FC236}">
                <a16:creationId xmlns:a16="http://schemas.microsoft.com/office/drawing/2014/main" id="{C9392247-CE23-49BB-A39E-64C7575BE47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en-GB" dirty="0"/>
              <a:t>Click to add tit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432000" y="1728000"/>
            <a:ext cx="11325600" cy="42624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en-GB" noProof="0" dirty="0"/>
              <a:t>Level 1 (Enter+TAB for next text level, SHIFT+TAB to go back in levels)</a:t>
            </a:r>
          </a:p>
          <a:p>
            <a:pPr lvl="1"/>
            <a:r>
              <a:rPr lang="en-GB" noProof="0" dirty="0"/>
              <a:t>Level 2</a:t>
            </a:r>
          </a:p>
          <a:p>
            <a:pPr lvl="2"/>
            <a:r>
              <a:rPr lang="en-GB" noProof="0" dirty="0"/>
              <a:t>Level 3</a:t>
            </a:r>
          </a:p>
          <a:p>
            <a:pPr lvl="3"/>
            <a:r>
              <a:rPr lang="en-GB" noProof="0" dirty="0"/>
              <a:t>Level 4, Header</a:t>
            </a:r>
          </a:p>
          <a:p>
            <a:pPr lvl="4"/>
            <a:r>
              <a:rPr lang="en-GB" noProof="0" dirty="0"/>
              <a:t>Level 5, Body</a:t>
            </a:r>
          </a:p>
          <a:p>
            <a:pPr lvl="5"/>
            <a:r>
              <a:rPr lang="en-GB" noProof="0" dirty="0"/>
              <a:t>Level 6</a:t>
            </a:r>
          </a:p>
          <a:p>
            <a:pPr lvl="6"/>
            <a:r>
              <a:rPr lang="en-GB" noProof="0" dirty="0"/>
              <a:t>Level 7, Small Header</a:t>
            </a:r>
          </a:p>
          <a:p>
            <a:pPr lvl="7"/>
            <a:r>
              <a:rPr lang="en-GB" noProof="0" dirty="0"/>
              <a:t>Level 8, Small Body</a:t>
            </a:r>
          </a:p>
          <a:p>
            <a:pPr lvl="8"/>
            <a:r>
              <a:rPr lang="en-GB" noProof="0" dirty="0"/>
              <a:t>Level 9, Infographic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643F1B6-0743-4D14-8B95-B030120DE5D1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1411288" y="6286500"/>
            <a:ext cx="9792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E65FBD6A-F375-4520-BDB0-BF87DF76281E}" type="datetime1">
              <a:rPr lang="en-GB" smtClean="0"/>
              <a:t>15/11/2023</a:t>
            </a:fld>
            <a:endParaRPr lang="en-GB" dirty="0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9460BDC-2796-43E8-A075-B3BFBC3B28E3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2937600" y="6286500"/>
            <a:ext cx="6861600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5942516E-ED5A-4F68-B285-E8D0CC42F948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32000" y="6286500"/>
            <a:ext cx="335521" cy="1611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700">
                <a:solidFill>
                  <a:schemeClr val="tx1"/>
                </a:solidFill>
              </a:defRPr>
            </a:lvl1pPr>
          </a:lstStyle>
          <a:p>
            <a:fld id="{23AA811B-2EBD-4900-905E-5BE206449611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097351254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254" r:id="rId1"/>
    <p:sldLayoutId id="2147484255" r:id="rId2"/>
    <p:sldLayoutId id="2147484256" r:id="rId3"/>
    <p:sldLayoutId id="2147484257" r:id="rId4"/>
    <p:sldLayoutId id="2147484258" r:id="rId5"/>
    <p:sldLayoutId id="2147484259" r:id="rId6"/>
    <p:sldLayoutId id="2147484260" r:id="rId7"/>
    <p:sldLayoutId id="2147484261" r:id="rId8"/>
    <p:sldLayoutId id="2147484262" r:id="rId9"/>
    <p:sldLayoutId id="2147484263" r:id="rId10"/>
    <p:sldLayoutId id="2147484264" r:id="rId11"/>
    <p:sldLayoutId id="2147484265" r:id="rId12"/>
    <p:sldLayoutId id="2147484266" r:id="rId13"/>
    <p:sldLayoutId id="2147484267" r:id="rId14"/>
    <p:sldLayoutId id="2147484268" r:id="rId15"/>
    <p:sldLayoutId id="2147484269" r:id="rId16"/>
    <p:sldLayoutId id="2147484270" r:id="rId17"/>
    <p:sldLayoutId id="2147484271" r:id="rId18"/>
    <p:sldLayoutId id="2147484272" r:id="rId19"/>
    <p:sldLayoutId id="2147484273" r:id="rId20"/>
    <p:sldLayoutId id="2147484274" r:id="rId21"/>
    <p:sldLayoutId id="2147484275" r:id="rId22"/>
    <p:sldLayoutId id="2147484276" r:id="rId23"/>
    <p:sldLayoutId id="2147484277" r:id="rId24"/>
    <p:sldLayoutId id="2147484278" r:id="rId25"/>
    <p:sldLayoutId id="2147484279" r:id="rId26"/>
    <p:sldLayoutId id="2147484280" r:id="rId27"/>
    <p:sldLayoutId id="2147484281" r:id="rId28"/>
    <p:sldLayoutId id="2147484282" r:id="rId29"/>
    <p:sldLayoutId id="2147484283" r:id="rId30"/>
    <p:sldLayoutId id="2147484284" r:id="rId31"/>
    <p:sldLayoutId id="2147484285" r:id="rId32"/>
    <p:sldLayoutId id="2147484286" r:id="rId33"/>
    <p:sldLayoutId id="2147484287" r:id="rId34"/>
    <p:sldLayoutId id="2147484288" r:id="rId35"/>
    <p:sldLayoutId id="2147484289" r:id="rId36"/>
    <p:sldLayoutId id="2147484290" r:id="rId37"/>
    <p:sldLayoutId id="2147484291" r:id="rId38"/>
    <p:sldLayoutId id="2147484292" r:id="rId39"/>
    <p:sldLayoutId id="2147484293" r:id="rId40"/>
    <p:sldLayoutId id="2147484294" r:id="rId41"/>
    <p:sldLayoutId id="2147484295" r:id="rId42"/>
    <p:sldLayoutId id="2147484296" r:id="rId43"/>
    <p:sldLayoutId id="2147484297" r:id="rId44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2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8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18000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Clr>
          <a:schemeClr val="accent2"/>
        </a:buClr>
        <a:buFont typeface="Dstny Body" panose="02000603000000020004" pitchFamily="2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800" b="0" kern="1200" cap="all" baseline="0">
          <a:solidFill>
            <a:schemeClr val="tx1"/>
          </a:solidFill>
          <a:latin typeface="+mj-lt"/>
          <a:ea typeface="+mn-ea"/>
          <a:cs typeface="+mn-cs"/>
        </a:defRPr>
      </a:lvl4pPr>
      <a:lvl5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tabLst/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126000" indent="-126000" algn="l" defTabSz="914400" rtl="0" eaLnBrk="1" latinLnBrk="0" hangingPunct="1">
        <a:lnSpc>
          <a:spcPct val="110000"/>
        </a:lnSpc>
        <a:spcBef>
          <a:spcPts val="0"/>
        </a:spcBef>
        <a:spcAft>
          <a:spcPts val="300"/>
        </a:spcAft>
        <a:buClr>
          <a:schemeClr val="accent2"/>
        </a:buClr>
        <a:buFont typeface="Dstny Body" panose="02000603000000020004" pitchFamily="2" charset="0"/>
        <a:buChar char="•"/>
        <a:defRPr sz="1000" kern="1200">
          <a:solidFill>
            <a:schemeClr val="tx1"/>
          </a:solidFill>
          <a:latin typeface="+mn-lt"/>
          <a:ea typeface="+mn-ea"/>
          <a:cs typeface="+mn-cs"/>
        </a:defRPr>
      </a:lvl6pPr>
      <a:lvl7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1200"/>
        </a:spcAft>
        <a:buFont typeface="Dstny Body" panose="02000603000000020004" pitchFamily="2" charset="0"/>
        <a:buChar char="​"/>
        <a:defRPr sz="1000" b="0" kern="1200" cap="all" baseline="0">
          <a:solidFill>
            <a:schemeClr val="tx1"/>
          </a:solidFill>
          <a:latin typeface="+mj-lt"/>
          <a:ea typeface="+mn-ea"/>
          <a:cs typeface="+mn-cs"/>
        </a:defRPr>
      </a:lvl7pPr>
      <a:lvl8pPr marL="0" indent="0" algn="l" defTabSz="914400" rtl="0" eaLnBrk="1" latinLnBrk="0" hangingPunct="1">
        <a:lnSpc>
          <a:spcPct val="110000"/>
        </a:lnSpc>
        <a:spcBef>
          <a:spcPts val="0"/>
        </a:spcBef>
        <a:spcAft>
          <a:spcPts val="600"/>
        </a:spcAft>
        <a:buFont typeface="Dstny Body" panose="02000603000000020004" pitchFamily="2" charset="0"/>
        <a:buChar char="​"/>
        <a:defRPr sz="1000" kern="1200">
          <a:solidFill>
            <a:schemeClr val="tx1"/>
          </a:solidFill>
          <a:latin typeface="+mn-lt"/>
          <a:ea typeface="+mn-ea"/>
          <a:cs typeface="+mn-cs"/>
        </a:defRPr>
      </a:lvl8pPr>
      <a:lvl9pPr marL="0" indent="0" algn="l" defTabSz="914400" rtl="0" eaLnBrk="1" latinLnBrk="0" hangingPunct="1">
        <a:lnSpc>
          <a:spcPct val="90000"/>
        </a:lnSpc>
        <a:spcBef>
          <a:spcPts val="1000"/>
        </a:spcBef>
        <a:spcAft>
          <a:spcPts val="0"/>
        </a:spcAft>
        <a:buFont typeface="Dstny Body" panose="02000603000000020004" pitchFamily="2" charset="0"/>
        <a:buChar char="​"/>
        <a:defRPr sz="6000" b="0" kern="1200" baseline="0">
          <a:solidFill>
            <a:schemeClr val="tx1"/>
          </a:solidFill>
          <a:latin typeface="+mj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pos="272">
          <p15:clr>
            <a:srgbClr val="F26B43"/>
          </p15:clr>
        </p15:guide>
        <p15:guide id="2" pos="7406">
          <p15:clr>
            <a:srgbClr val="F26B43"/>
          </p15:clr>
        </p15:guide>
        <p15:guide id="3" orient="horz" pos="267">
          <p15:clr>
            <a:srgbClr val="F26B43"/>
          </p15:clr>
        </p15:guide>
        <p15:guide id="4" orient="horz" pos="4047">
          <p15:clr>
            <a:srgbClr val="A4A3A4"/>
          </p15:clr>
        </p15:guide>
        <p15:guide id="5" pos="617">
          <p15:clr>
            <a:srgbClr val="A4A3A4"/>
          </p15:clr>
        </p15:guide>
        <p15:guide id="6" pos="889">
          <p15:clr>
            <a:srgbClr val="A4A3A4"/>
          </p15:clr>
        </p15:guide>
        <p15:guide id="7" pos="1234">
          <p15:clr>
            <a:srgbClr val="A4A3A4"/>
          </p15:clr>
        </p15:guide>
        <p15:guide id="8" pos="1506">
          <p15:clr>
            <a:srgbClr val="A4A3A4"/>
          </p15:clr>
        </p15:guide>
        <p15:guide id="9" pos="1851">
          <p15:clr>
            <a:srgbClr val="A4A3A4"/>
          </p15:clr>
        </p15:guide>
        <p15:guide id="10" pos="2124">
          <p15:clr>
            <a:srgbClr val="A4A3A4"/>
          </p15:clr>
        </p15:guide>
        <p15:guide id="11" pos="2469">
          <p15:clr>
            <a:srgbClr val="A4A3A4"/>
          </p15:clr>
        </p15:guide>
        <p15:guide id="12" pos="2741">
          <p15:clr>
            <a:srgbClr val="A4A3A4"/>
          </p15:clr>
        </p15:guide>
        <p15:guide id="13" pos="3086">
          <p15:clr>
            <a:srgbClr val="A4A3A4"/>
          </p15:clr>
        </p15:guide>
        <p15:guide id="14" pos="3358">
          <p15:clr>
            <a:srgbClr val="A4A3A4"/>
          </p15:clr>
        </p15:guide>
        <p15:guide id="15" pos="3703">
          <p15:clr>
            <a:srgbClr val="A4A3A4"/>
          </p15:clr>
        </p15:guide>
        <p15:guide id="16" pos="3976">
          <p15:clr>
            <a:srgbClr val="A4A3A4"/>
          </p15:clr>
        </p15:guide>
        <p15:guide id="17" pos="4321">
          <p15:clr>
            <a:srgbClr val="A4A3A4"/>
          </p15:clr>
        </p15:guide>
        <p15:guide id="18" pos="4593">
          <p15:clr>
            <a:srgbClr val="A4A3A4"/>
          </p15:clr>
        </p15:guide>
        <p15:guide id="19" pos="4938">
          <p15:clr>
            <a:srgbClr val="A4A3A4"/>
          </p15:clr>
        </p15:guide>
        <p15:guide id="20" pos="5210">
          <p15:clr>
            <a:srgbClr val="A4A3A4"/>
          </p15:clr>
        </p15:guide>
        <p15:guide id="21" pos="5555">
          <p15:clr>
            <a:srgbClr val="A4A3A4"/>
          </p15:clr>
        </p15:guide>
        <p15:guide id="22" pos="5828">
          <p15:clr>
            <a:srgbClr val="A4A3A4"/>
          </p15:clr>
        </p15:guide>
        <p15:guide id="23" pos="6173">
          <p15:clr>
            <a:srgbClr val="A4A3A4"/>
          </p15:clr>
        </p15:guide>
        <p15:guide id="24" pos="6445">
          <p15:clr>
            <a:srgbClr val="A4A3A4"/>
          </p15:clr>
        </p15:guide>
        <p15:guide id="25" pos="6790">
          <p15:clr>
            <a:srgbClr val="A4A3A4"/>
          </p15:clr>
        </p15:guide>
        <p15:guide id="26" pos="7062">
          <p15:clr>
            <a:srgbClr val="A4A3A4"/>
          </p15:clr>
        </p15:guide>
        <p15:guide id="27" orient="horz" pos="1086">
          <p15:clr>
            <a:srgbClr val="F26B43"/>
          </p15:clr>
        </p15:guide>
        <p15:guide id="28" orient="horz" pos="3774">
          <p15:clr>
            <a:srgbClr val="F26B43"/>
          </p15:clr>
        </p15:guide>
        <p15:guide id="29" orient="horz" pos="3861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image" Target="../media/image17.jpeg"/><Relationship Id="rId1" Type="http://schemas.openxmlformats.org/officeDocument/2006/relationships/slideLayout" Target="../slideLayouts/slideLayout77.xml"/></Relationships>
</file>

<file path=ppt/slides/_rels/slide10.xml.rels><?xml version="1.0" encoding="UTF-8" standalone="yes"?>
<Relationships xmlns="http://schemas.openxmlformats.org/package/2006/relationships"><Relationship Id="rId8" Type="http://schemas.openxmlformats.org/officeDocument/2006/relationships/image" Target="../media/image31.png"/><Relationship Id="rId3" Type="http://schemas.openxmlformats.org/officeDocument/2006/relationships/image" Target="../media/image34.png"/><Relationship Id="rId7" Type="http://schemas.openxmlformats.org/officeDocument/2006/relationships/image" Target="../media/image38.png"/><Relationship Id="rId2" Type="http://schemas.openxmlformats.org/officeDocument/2006/relationships/image" Target="../media/image33.png"/><Relationship Id="rId1" Type="http://schemas.openxmlformats.org/officeDocument/2006/relationships/slideLayout" Target="../slideLayouts/slideLayout11.xml"/><Relationship Id="rId6" Type="http://schemas.openxmlformats.org/officeDocument/2006/relationships/image" Target="../media/image37.png"/><Relationship Id="rId5" Type="http://schemas.openxmlformats.org/officeDocument/2006/relationships/image" Target="../media/image36.png"/><Relationship Id="rId4" Type="http://schemas.openxmlformats.org/officeDocument/2006/relationships/image" Target="../media/image35.png"/></Relationships>
</file>

<file path=ppt/slides/_rels/slide1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9.png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11.xml"/></Relationships>
</file>

<file path=ppt/slides/_rels/slide1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40.png"/><Relationship Id="rId1" Type="http://schemas.openxmlformats.org/officeDocument/2006/relationships/slideLayout" Target="../slideLayouts/slideLayout11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image" Target="../media/image41.png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11.xml"/><Relationship Id="rId4" Type="http://schemas.microsoft.com/office/2007/relationships/hdphoto" Target="../media/hdphoto1.wdp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image" Target="../media/image42.png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11.xml"/></Relationships>
</file>

<file path=ppt/slides/_rels/slide17.xml.rels><?xml version="1.0" encoding="UTF-8" standalone="yes"?>
<Relationships xmlns="http://schemas.openxmlformats.org/package/2006/relationships"><Relationship Id="rId8" Type="http://schemas.openxmlformats.org/officeDocument/2006/relationships/image" Target="../media/image47.png"/><Relationship Id="rId13" Type="http://schemas.openxmlformats.org/officeDocument/2006/relationships/image" Target="../media/image52.png"/><Relationship Id="rId18" Type="http://schemas.openxmlformats.org/officeDocument/2006/relationships/image" Target="../media/image55.png"/><Relationship Id="rId3" Type="http://schemas.openxmlformats.org/officeDocument/2006/relationships/image" Target="../media/image28.png"/><Relationship Id="rId7" Type="http://schemas.openxmlformats.org/officeDocument/2006/relationships/image" Target="../media/image46.png"/><Relationship Id="rId12" Type="http://schemas.openxmlformats.org/officeDocument/2006/relationships/image" Target="../media/image51.png"/><Relationship Id="rId17" Type="http://schemas.openxmlformats.org/officeDocument/2006/relationships/image" Target="../media/image54.png"/><Relationship Id="rId2" Type="http://schemas.openxmlformats.org/officeDocument/2006/relationships/notesSlide" Target="../notesSlides/notesSlide8.xml"/><Relationship Id="rId16" Type="http://schemas.microsoft.com/office/2007/relationships/hdphoto" Target="../media/hdphoto3.wdp"/><Relationship Id="rId20" Type="http://schemas.openxmlformats.org/officeDocument/2006/relationships/image" Target="../media/image57.png"/><Relationship Id="rId1" Type="http://schemas.openxmlformats.org/officeDocument/2006/relationships/slideLayout" Target="../slideLayouts/slideLayout11.xml"/><Relationship Id="rId6" Type="http://schemas.openxmlformats.org/officeDocument/2006/relationships/image" Target="../media/image45.png"/><Relationship Id="rId11" Type="http://schemas.openxmlformats.org/officeDocument/2006/relationships/image" Target="../media/image50.png"/><Relationship Id="rId5" Type="http://schemas.openxmlformats.org/officeDocument/2006/relationships/image" Target="../media/image44.png"/><Relationship Id="rId15" Type="http://schemas.openxmlformats.org/officeDocument/2006/relationships/image" Target="../media/image53.png"/><Relationship Id="rId10" Type="http://schemas.openxmlformats.org/officeDocument/2006/relationships/image" Target="../media/image49.png"/><Relationship Id="rId19" Type="http://schemas.openxmlformats.org/officeDocument/2006/relationships/image" Target="../media/image56.png"/><Relationship Id="rId4" Type="http://schemas.openxmlformats.org/officeDocument/2006/relationships/image" Target="../media/image43.png"/><Relationship Id="rId9" Type="http://schemas.openxmlformats.org/officeDocument/2006/relationships/image" Target="../media/image48.png"/><Relationship Id="rId14" Type="http://schemas.microsoft.com/office/2007/relationships/hdphoto" Target="../media/hdphoto2.wdp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image" Target="../media/image58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11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59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11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20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0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0.jpe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16.png"/><Relationship Id="rId4" Type="http://schemas.openxmlformats.org/officeDocument/2006/relationships/image" Target="../media/image61.png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0.xml"/></Relationships>
</file>

<file path=ppt/slides/_rels/slide23.xml.rels><?xml version="1.0" encoding="UTF-8" standalone="yes"?>
<Relationships xmlns="http://schemas.openxmlformats.org/package/2006/relationships"><Relationship Id="rId8" Type="http://schemas.openxmlformats.org/officeDocument/2006/relationships/image" Target="../media/image66.png"/><Relationship Id="rId3" Type="http://schemas.openxmlformats.org/officeDocument/2006/relationships/image" Target="../media/image62.png"/><Relationship Id="rId7" Type="http://schemas.openxmlformats.org/officeDocument/2006/relationships/image" Target="../media/image22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177.xml"/><Relationship Id="rId6" Type="http://schemas.openxmlformats.org/officeDocument/2006/relationships/image" Target="../media/image65.png"/><Relationship Id="rId5" Type="http://schemas.openxmlformats.org/officeDocument/2006/relationships/image" Target="../media/image64.png"/><Relationship Id="rId4" Type="http://schemas.openxmlformats.org/officeDocument/2006/relationships/image" Target="../media/image63.png"/><Relationship Id="rId9" Type="http://schemas.openxmlformats.org/officeDocument/2006/relationships/image" Target="../media/image32.png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5.png"/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177.xml"/><Relationship Id="rId4" Type="http://schemas.openxmlformats.org/officeDocument/2006/relationships/image" Target="../media/image22.png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2.png"/><Relationship Id="rId2" Type="http://schemas.openxmlformats.org/officeDocument/2006/relationships/notesSlide" Target="../notesSlides/notesSlide14.xml"/><Relationship Id="rId1" Type="http://schemas.openxmlformats.org/officeDocument/2006/relationships/slideLayout" Target="../slideLayouts/slideLayout177.xml"/><Relationship Id="rId4" Type="http://schemas.openxmlformats.org/officeDocument/2006/relationships/image" Target="../media/image64.png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4.png"/><Relationship Id="rId2" Type="http://schemas.openxmlformats.org/officeDocument/2006/relationships/notesSlide" Target="../notesSlides/notesSlide15.xml"/><Relationship Id="rId1" Type="http://schemas.openxmlformats.org/officeDocument/2006/relationships/slideLayout" Target="../slideLayouts/slideLayout177.xml"/><Relationship Id="rId6" Type="http://schemas.openxmlformats.org/officeDocument/2006/relationships/image" Target="../media/image66.png"/><Relationship Id="rId5" Type="http://schemas.openxmlformats.org/officeDocument/2006/relationships/image" Target="../media/image63.png"/><Relationship Id="rId4" Type="http://schemas.openxmlformats.org/officeDocument/2006/relationships/image" Target="../media/image32.png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3.png"/><Relationship Id="rId2" Type="http://schemas.openxmlformats.org/officeDocument/2006/relationships/notesSlide" Target="../notesSlides/notesSlide16.xml"/><Relationship Id="rId1" Type="http://schemas.openxmlformats.org/officeDocument/2006/relationships/slideLayout" Target="../slideLayouts/slideLayout177.xml"/><Relationship Id="rId5" Type="http://schemas.openxmlformats.org/officeDocument/2006/relationships/image" Target="../media/image64.png"/><Relationship Id="rId4" Type="http://schemas.openxmlformats.org/officeDocument/2006/relationships/image" Target="../media/image62.png"/></Relationships>
</file>

<file path=ppt/slides/_rels/slide2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2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1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8.png"/><Relationship Id="rId1" Type="http://schemas.openxmlformats.org/officeDocument/2006/relationships/slideLayout" Target="../slideLayouts/slideLayout11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tags" Target="../tags/tag109.xml"/><Relationship Id="rId7" Type="http://schemas.openxmlformats.org/officeDocument/2006/relationships/image" Target="../media/image68.svg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4.xml"/><Relationship Id="rId6" Type="http://schemas.openxmlformats.org/officeDocument/2006/relationships/image" Target="../media/image67.png"/><Relationship Id="rId5" Type="http://schemas.openxmlformats.org/officeDocument/2006/relationships/notesSlide" Target="../notesSlides/notesSlide17.xml"/><Relationship Id="rId4" Type="http://schemas.openxmlformats.org/officeDocument/2006/relationships/slideLayout" Target="../slideLayouts/slideLayout11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70.svg"/><Relationship Id="rId2" Type="http://schemas.openxmlformats.org/officeDocument/2006/relationships/image" Target="../media/image69.png"/><Relationship Id="rId1" Type="http://schemas.openxmlformats.org/officeDocument/2006/relationships/slideLayout" Target="../slideLayouts/slideLayout11.xml"/><Relationship Id="rId4" Type="http://schemas.openxmlformats.org/officeDocument/2006/relationships/image" Target="../media/image71.png"/></Relationships>
</file>

<file path=ppt/slides/_rels/slide3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notesSlide" Target="../notesSlides/notesSlide18.xml"/><Relationship Id="rId2" Type="http://schemas.openxmlformats.org/officeDocument/2006/relationships/slideLayout" Target="../slideLayouts/slideLayout11.xml"/><Relationship Id="rId1" Type="http://schemas.openxmlformats.org/officeDocument/2006/relationships/video" Target="https://www.youtube.com/embed/h5XVjL1z9Fw?feature=oembed" TargetMode="External"/><Relationship Id="rId5" Type="http://schemas.openxmlformats.org/officeDocument/2006/relationships/image" Target="../media/image73.jpeg"/><Relationship Id="rId4" Type="http://schemas.openxmlformats.org/officeDocument/2006/relationships/image" Target="../media/image72.png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7.jpeg"/><Relationship Id="rId2" Type="http://schemas.openxmlformats.org/officeDocument/2006/relationships/image" Target="../media/image74.jpeg"/><Relationship Id="rId1" Type="http://schemas.openxmlformats.org/officeDocument/2006/relationships/slideLayout" Target="../slideLayouts/slideLayout40.xml"/><Relationship Id="rId4" Type="http://schemas.openxmlformats.org/officeDocument/2006/relationships/image" Target="../media/image16.pn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6.pn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11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9.pn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1.xml"/><Relationship Id="rId5" Type="http://schemas.openxmlformats.org/officeDocument/2006/relationships/image" Target="../media/image21.svg"/><Relationship Id="rId4" Type="http://schemas.openxmlformats.org/officeDocument/2006/relationships/image" Target="../media/image20.png"/></Relationships>
</file>

<file path=ppt/slides/_rels/slide7.xml.rels><?xml version="1.0" encoding="UTF-8" standalone="yes"?>
<Relationships xmlns="http://schemas.openxmlformats.org/package/2006/relationships"><Relationship Id="rId8" Type="http://schemas.openxmlformats.org/officeDocument/2006/relationships/image" Target="../media/image27.png"/><Relationship Id="rId3" Type="http://schemas.openxmlformats.org/officeDocument/2006/relationships/image" Target="../media/image22.png"/><Relationship Id="rId7" Type="http://schemas.openxmlformats.org/officeDocument/2006/relationships/image" Target="../media/image26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11.xml"/><Relationship Id="rId6" Type="http://schemas.openxmlformats.org/officeDocument/2006/relationships/image" Target="../media/image25.png"/><Relationship Id="rId5" Type="http://schemas.openxmlformats.org/officeDocument/2006/relationships/image" Target="../media/image24.png"/><Relationship Id="rId4" Type="http://schemas.openxmlformats.org/officeDocument/2006/relationships/image" Target="../media/image23.png"/></Relationships>
</file>

<file path=ppt/slides/_rels/slide8.xml.rels><?xml version="1.0" encoding="UTF-8" standalone="yes"?>
<Relationships xmlns="http://schemas.openxmlformats.org/package/2006/relationships"><Relationship Id="rId8" Type="http://schemas.openxmlformats.org/officeDocument/2006/relationships/image" Target="../media/image32.png"/><Relationship Id="rId3" Type="http://schemas.openxmlformats.org/officeDocument/2006/relationships/image" Target="../media/image28.png"/><Relationship Id="rId7" Type="http://schemas.openxmlformats.org/officeDocument/2006/relationships/image" Target="../media/image22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11.xml"/><Relationship Id="rId6" Type="http://schemas.openxmlformats.org/officeDocument/2006/relationships/image" Target="../media/image31.png"/><Relationship Id="rId5" Type="http://schemas.openxmlformats.org/officeDocument/2006/relationships/image" Target="../media/image30.png"/><Relationship Id="rId4" Type="http://schemas.openxmlformats.org/officeDocument/2006/relationships/image" Target="../media/image29.png"/><Relationship Id="rId9" Type="http://schemas.openxmlformats.org/officeDocument/2006/relationships/image" Target="../media/image24.png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8" name="Picture 4">
            <a:extLst>
              <a:ext uri="{FF2B5EF4-FFF2-40B4-BE49-F238E27FC236}">
                <a16:creationId xmlns:a16="http://schemas.microsoft.com/office/drawing/2014/main" id="{619A8CCE-BB18-5BF2-C375-726576866816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6043"/>
          <a:stretch/>
        </p:blipFill>
        <p:spPr bwMode="auto">
          <a:xfrm>
            <a:off x="-60600" y="0"/>
            <a:ext cx="12252600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Title 4">
            <a:extLst>
              <a:ext uri="{FF2B5EF4-FFF2-40B4-BE49-F238E27FC236}">
                <a16:creationId xmlns:a16="http://schemas.microsoft.com/office/drawing/2014/main" id="{EDAF1149-78C7-4A03-1271-A08C4DB7F721}"/>
              </a:ext>
            </a:extLst>
          </p:cNvPr>
          <p:cNvSpPr txBox="1">
            <a:spLocks/>
          </p:cNvSpPr>
          <p:nvPr/>
        </p:nvSpPr>
        <p:spPr>
          <a:xfrm>
            <a:off x="601963" y="3429000"/>
            <a:ext cx="8611784" cy="1954800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ct val="100000"/>
              </a:lnSpc>
            </a:pPr>
            <a:r>
              <a:rPr lang="en-US" sz="4800" dirty="0">
                <a:solidFill>
                  <a:schemeClr val="bg1"/>
                </a:solidFill>
              </a:rPr>
              <a:t>MBCAAS</a:t>
            </a:r>
          </a:p>
          <a:p>
            <a:pPr>
              <a:lnSpc>
                <a:spcPct val="100000"/>
              </a:lnSpc>
            </a:pPr>
            <a:r>
              <a:rPr lang="en-US" dirty="0">
                <a:solidFill>
                  <a:schemeClr val="bg1"/>
                </a:solidFill>
              </a:rPr>
              <a:t>MOBILE BUSINESS COMMUNICATIONS  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1CA1A1A3-FFA2-B10F-0652-21A82F839AA5}"/>
              </a:ext>
            </a:extLst>
          </p:cNvPr>
          <p:cNvSpPr txBox="1"/>
          <p:nvPr/>
        </p:nvSpPr>
        <p:spPr>
          <a:xfrm>
            <a:off x="-60600" y="1851453"/>
            <a:ext cx="12252600" cy="41844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>
              <a:lnSpc>
                <a:spcPct val="150000"/>
              </a:lnSpc>
            </a:pPr>
            <a:r>
              <a:rPr lang="en-US" sz="1600" b="1" dirty="0">
                <a:solidFill>
                  <a:schemeClr val="bg1"/>
                </a:solidFill>
                <a:latin typeface="+mn-lt"/>
              </a:rPr>
              <a:t>COMMUNICATIONS D’ENTREPRISE AUJOURD’HUI ET DEMAIN  </a:t>
            </a:r>
          </a:p>
        </p:txBody>
      </p:sp>
      <p:pic>
        <p:nvPicPr>
          <p:cNvPr id="13" name="Picture 12" descr="A white text with orange dots on a black background&#10;&#10;Description automatically generated">
            <a:extLst>
              <a:ext uri="{FF2B5EF4-FFF2-40B4-BE49-F238E27FC236}">
                <a16:creationId xmlns:a16="http://schemas.microsoft.com/office/drawing/2014/main" id="{A7BF8128-7284-A748-36AD-7EF22C7C46F0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200190" y="467471"/>
            <a:ext cx="3791619" cy="138398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442626269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89" name="Group 88">
            <a:extLst>
              <a:ext uri="{FF2B5EF4-FFF2-40B4-BE49-F238E27FC236}">
                <a16:creationId xmlns:a16="http://schemas.microsoft.com/office/drawing/2014/main" id="{81821F37-27B1-CC2C-E230-7A352D2C6250}"/>
              </a:ext>
            </a:extLst>
          </p:cNvPr>
          <p:cNvGrpSpPr/>
          <p:nvPr/>
        </p:nvGrpSpPr>
        <p:grpSpPr>
          <a:xfrm>
            <a:off x="3800389" y="2486949"/>
            <a:ext cx="3753112" cy="2334857"/>
            <a:chOff x="4264336" y="2094096"/>
            <a:chExt cx="3753112" cy="2334857"/>
          </a:xfrm>
        </p:grpSpPr>
        <p:pic>
          <p:nvPicPr>
            <p:cNvPr id="51" name="Picture 50" descr="A purple outline of a cloud&#10;&#10;Description automatically generated">
              <a:extLst>
                <a:ext uri="{FF2B5EF4-FFF2-40B4-BE49-F238E27FC236}">
                  <a16:creationId xmlns:a16="http://schemas.microsoft.com/office/drawing/2014/main" id="{49F1996D-729B-8896-907A-535026D1AD88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2">
              <a:duotone>
                <a:schemeClr val="accent1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24632" t="29465" r="29624" b="32591"/>
            <a:stretch/>
          </p:blipFill>
          <p:spPr>
            <a:xfrm>
              <a:off x="4264336" y="2094096"/>
              <a:ext cx="3753112" cy="2334857"/>
            </a:xfrm>
            <a:prstGeom prst="rect">
              <a:avLst/>
            </a:prstGeom>
          </p:spPr>
        </p:pic>
        <p:sp>
          <p:nvSpPr>
            <p:cNvPr id="40" name="textruta 33">
              <a:extLst>
                <a:ext uri="{FF2B5EF4-FFF2-40B4-BE49-F238E27FC236}">
                  <a16:creationId xmlns:a16="http://schemas.microsoft.com/office/drawing/2014/main" id="{06AD58EC-A3D2-3AB9-146A-94830C741EE2}"/>
                </a:ext>
              </a:extLst>
            </p:cNvPr>
            <p:cNvSpPr txBox="1"/>
            <p:nvPr/>
          </p:nvSpPr>
          <p:spPr>
            <a:xfrm>
              <a:off x="5923708" y="3572268"/>
              <a:ext cx="1045158" cy="184666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0" compatLnSpc="1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kumimoji="0" lang="en-GB" sz="1200" b="1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Dstny Headline"/>
                  <a:ea typeface="+mn-ea"/>
                  <a:cs typeface="+mn-cs"/>
                </a:rPr>
                <a:t>0607070707</a:t>
              </a:r>
            </a:p>
          </p:txBody>
        </p:sp>
        <p:sp>
          <p:nvSpPr>
            <p:cNvPr id="43" name="textruta 36">
              <a:extLst>
                <a:ext uri="{FF2B5EF4-FFF2-40B4-BE49-F238E27FC236}">
                  <a16:creationId xmlns:a16="http://schemas.microsoft.com/office/drawing/2014/main" id="{648A0E4A-6F19-521A-915E-B16B4D19DE65}"/>
                </a:ext>
              </a:extLst>
            </p:cNvPr>
            <p:cNvSpPr txBox="1"/>
            <p:nvPr/>
          </p:nvSpPr>
          <p:spPr>
            <a:xfrm>
              <a:off x="5930008" y="3107579"/>
              <a:ext cx="1053173" cy="184666"/>
            </a:xfrm>
            <a:prstGeom prst="rect">
              <a:avLst/>
            </a:prstGeom>
            <a:noFill/>
            <a:ln cap="flat">
              <a:noFill/>
            </a:ln>
          </p:spPr>
          <p:txBody>
            <a:bodyPr vert="horz" wrap="none" lIns="0" tIns="0" rIns="0" bIns="0" anchor="t" anchorCtr="0" compatLnSpc="1">
              <a:spAutoFit/>
            </a:bodyPr>
            <a:lstStyle/>
            <a:p>
              <a:pPr marL="0" marR="0" lvl="0" indent="0" algn="l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 sz="1800" b="0" i="0" u="none" strike="noStrike" kern="0" cap="none" spc="0" baseline="0">
                  <a:solidFill>
                    <a:srgbClr val="000000"/>
                  </a:solidFill>
                  <a:uFillTx/>
                </a:defRPr>
              </a:pPr>
              <a:r>
                <a:rPr kumimoji="0" lang="en-GB" sz="1200" b="1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latin typeface="Dstny Headline"/>
                  <a:ea typeface="+mn-ea"/>
                  <a:cs typeface="+mn-cs"/>
                </a:rPr>
                <a:t>0102030405</a:t>
              </a:r>
            </a:p>
          </p:txBody>
        </p:sp>
        <p:pic>
          <p:nvPicPr>
            <p:cNvPr id="55" name="Picture 54">
              <a:extLst>
                <a:ext uri="{FF2B5EF4-FFF2-40B4-BE49-F238E27FC236}">
                  <a16:creationId xmlns:a16="http://schemas.microsoft.com/office/drawing/2014/main" id="{C8A65CF8-440C-0E1D-975B-0C645AA5365E}"/>
                </a:ext>
              </a:extLst>
            </p:cNvPr>
            <p:cNvPicPr>
              <a:picLocks noChangeAspect="1"/>
            </p:cNvPicPr>
            <p:nvPr/>
          </p:nvPicPr>
          <p:blipFill>
            <a:blip r:embed="rId3">
              <a:duotone>
                <a:schemeClr val="accent1">
                  <a:shade val="45000"/>
                  <a:satMod val="135000"/>
                </a:schemeClr>
                <a:prstClr val="white"/>
              </a:duotone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7298540" y="3397407"/>
              <a:ext cx="503635" cy="184666"/>
            </a:xfrm>
            <a:prstGeom prst="rect">
              <a:avLst/>
            </a:prstGeom>
          </p:spPr>
        </p:pic>
      </p:grpSp>
      <p:pic>
        <p:nvPicPr>
          <p:cNvPr id="10" name="Picture 9" descr="A cellphone with a black screen&#10;&#10;Description automatically generated">
            <a:extLst>
              <a:ext uri="{FF2B5EF4-FFF2-40B4-BE49-F238E27FC236}">
                <a16:creationId xmlns:a16="http://schemas.microsoft.com/office/drawing/2014/main" id="{5B2E08AE-A945-2AC4-4A68-3A229A9D943B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52234" t="22824" r="15306" b="26412"/>
          <a:stretch/>
        </p:blipFill>
        <p:spPr>
          <a:xfrm>
            <a:off x="5048937" y="3383658"/>
            <a:ext cx="306227" cy="359177"/>
          </a:xfrm>
          <a:prstGeom prst="rect">
            <a:avLst/>
          </a:prstGeom>
        </p:spPr>
      </p:pic>
      <p:sp>
        <p:nvSpPr>
          <p:cNvPr id="17" name="Titre 1">
            <a:extLst>
              <a:ext uri="{FF2B5EF4-FFF2-40B4-BE49-F238E27FC236}">
                <a16:creationId xmlns:a16="http://schemas.microsoft.com/office/drawing/2014/main" id="{361543B4-DE15-8712-BA2E-85F5A06B20A9}"/>
              </a:ext>
            </a:extLst>
          </p:cNvPr>
          <p:cNvSpPr txBox="1">
            <a:spLocks/>
          </p:cNvSpPr>
          <p:nvPr/>
        </p:nvSpPr>
        <p:spPr>
          <a:xfrm>
            <a:off x="446309" y="462071"/>
            <a:ext cx="10419613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LA VOIX DE LA MOBILITÉ SANS COMPROMIS</a:t>
            </a:r>
            <a:endParaRPr lang="fr-FR" dirty="0"/>
          </a:p>
        </p:txBody>
      </p:sp>
      <p:pic>
        <p:nvPicPr>
          <p:cNvPr id="21" name="Picture 20" descr="A person in a red suit holding a phone&#10;&#10;Description automatically generated">
            <a:extLst>
              <a:ext uri="{FF2B5EF4-FFF2-40B4-BE49-F238E27FC236}">
                <a16:creationId xmlns:a16="http://schemas.microsoft.com/office/drawing/2014/main" id="{8A698419-80DA-53DF-3CF1-32A39D28ABCC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4430" t="12719" r="27398" b="12665"/>
          <a:stretch/>
        </p:blipFill>
        <p:spPr>
          <a:xfrm>
            <a:off x="-690540" y="2378647"/>
            <a:ext cx="3957503" cy="4597497"/>
          </a:xfrm>
          <a:prstGeom prst="rect">
            <a:avLst/>
          </a:prstGeom>
        </p:spPr>
      </p:pic>
      <p:pic>
        <p:nvPicPr>
          <p:cNvPr id="64" name="Picture 63" descr="A sim card with a chip&#10;&#10;Description automatically generated">
            <a:extLst>
              <a:ext uri="{FF2B5EF4-FFF2-40B4-BE49-F238E27FC236}">
                <a16:creationId xmlns:a16="http://schemas.microsoft.com/office/drawing/2014/main" id="{E17924FE-9592-A013-408C-8C7FBF878D4B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713" t="21131" r="37074" b="23573"/>
          <a:stretch/>
        </p:blipFill>
        <p:spPr>
          <a:xfrm>
            <a:off x="3299439" y="3630380"/>
            <a:ext cx="350201" cy="533690"/>
          </a:xfrm>
          <a:prstGeom prst="rect">
            <a:avLst/>
          </a:prstGeom>
        </p:spPr>
      </p:pic>
      <p:sp>
        <p:nvSpPr>
          <p:cNvPr id="65" name="TextBox 64">
            <a:extLst>
              <a:ext uri="{FF2B5EF4-FFF2-40B4-BE49-F238E27FC236}">
                <a16:creationId xmlns:a16="http://schemas.microsoft.com/office/drawing/2014/main" id="{137A5E30-9156-2DDA-A7CA-D0AF24E63622}"/>
              </a:ext>
            </a:extLst>
          </p:cNvPr>
          <p:cNvSpPr txBox="1"/>
          <p:nvPr/>
        </p:nvSpPr>
        <p:spPr>
          <a:xfrm>
            <a:off x="2410036" y="4274441"/>
            <a:ext cx="212900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FR" sz="900" b="1" i="1" dirty="0"/>
              <a:t>Technologie exclusive embarquée dans la carte SIM </a:t>
            </a:r>
          </a:p>
        </p:txBody>
      </p:sp>
      <p:sp>
        <p:nvSpPr>
          <p:cNvPr id="74" name="Rounded Rectangle 73">
            <a:extLst>
              <a:ext uri="{FF2B5EF4-FFF2-40B4-BE49-F238E27FC236}">
                <a16:creationId xmlns:a16="http://schemas.microsoft.com/office/drawing/2014/main" id="{FC5E8674-11B6-5113-DAD9-81C62EBAE2BE}"/>
              </a:ext>
            </a:extLst>
          </p:cNvPr>
          <p:cNvSpPr/>
          <p:nvPr/>
        </p:nvSpPr>
        <p:spPr>
          <a:xfrm>
            <a:off x="9250096" y="1892618"/>
            <a:ext cx="2636055" cy="402955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bg1"/>
                </a:solidFill>
              </a:rPr>
              <a:t>Téléphonez avec votre mobile</a:t>
            </a:r>
          </a:p>
        </p:txBody>
      </p:sp>
      <p:sp>
        <p:nvSpPr>
          <p:cNvPr id="77" name="Rounded Rectangle 76">
            <a:extLst>
              <a:ext uri="{FF2B5EF4-FFF2-40B4-BE49-F238E27FC236}">
                <a16:creationId xmlns:a16="http://schemas.microsoft.com/office/drawing/2014/main" id="{8B17F938-4C14-FEB4-36EE-BE305C4ACA3A}"/>
              </a:ext>
            </a:extLst>
          </p:cNvPr>
          <p:cNvSpPr/>
          <p:nvPr/>
        </p:nvSpPr>
        <p:spPr>
          <a:xfrm>
            <a:off x="9250095" y="2486949"/>
            <a:ext cx="2636055" cy="402955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bg1"/>
                </a:solidFill>
              </a:rPr>
              <a:t>Sans application</a:t>
            </a:r>
          </a:p>
        </p:txBody>
      </p:sp>
      <p:sp>
        <p:nvSpPr>
          <p:cNvPr id="78" name="Rounded Rectangle 77">
            <a:extLst>
              <a:ext uri="{FF2B5EF4-FFF2-40B4-BE49-F238E27FC236}">
                <a16:creationId xmlns:a16="http://schemas.microsoft.com/office/drawing/2014/main" id="{0AD26505-96BD-43DA-72BA-8BC5FD7C72CB}"/>
              </a:ext>
            </a:extLst>
          </p:cNvPr>
          <p:cNvSpPr/>
          <p:nvPr/>
        </p:nvSpPr>
        <p:spPr>
          <a:xfrm>
            <a:off x="9250095" y="3081280"/>
            <a:ext cx="2636055" cy="402955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bg1"/>
                </a:solidFill>
              </a:rPr>
              <a:t>Recevez &amp; émettez vos appels fixe et mobile nativement </a:t>
            </a:r>
          </a:p>
        </p:txBody>
      </p:sp>
      <p:sp>
        <p:nvSpPr>
          <p:cNvPr id="79" name="Rounded Rectangle 78">
            <a:extLst>
              <a:ext uri="{FF2B5EF4-FFF2-40B4-BE49-F238E27FC236}">
                <a16:creationId xmlns:a16="http://schemas.microsoft.com/office/drawing/2014/main" id="{3268C8C6-7EFB-3F58-EFA9-72B787A6CABA}"/>
              </a:ext>
            </a:extLst>
          </p:cNvPr>
          <p:cNvSpPr/>
          <p:nvPr/>
        </p:nvSpPr>
        <p:spPr>
          <a:xfrm>
            <a:off x="9250094" y="3675611"/>
            <a:ext cx="2636055" cy="402955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bg1"/>
                </a:solidFill>
              </a:rPr>
              <a:t>Bénéficiez d’un abonnement unique</a:t>
            </a:r>
          </a:p>
        </p:txBody>
      </p:sp>
      <p:sp>
        <p:nvSpPr>
          <p:cNvPr id="81" name="Rounded Rectangle 80">
            <a:extLst>
              <a:ext uri="{FF2B5EF4-FFF2-40B4-BE49-F238E27FC236}">
                <a16:creationId xmlns:a16="http://schemas.microsoft.com/office/drawing/2014/main" id="{B21D5569-7C29-283B-9C30-8175C48A9FD9}"/>
              </a:ext>
            </a:extLst>
          </p:cNvPr>
          <p:cNvSpPr/>
          <p:nvPr/>
        </p:nvSpPr>
        <p:spPr>
          <a:xfrm>
            <a:off x="9250093" y="4274441"/>
            <a:ext cx="2636055" cy="402955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bg1"/>
                </a:solidFill>
              </a:rPr>
              <a:t>Journal d’appels synchronisé</a:t>
            </a:r>
          </a:p>
        </p:txBody>
      </p:sp>
      <p:sp>
        <p:nvSpPr>
          <p:cNvPr id="82" name="Rounded Rectangle 81">
            <a:extLst>
              <a:ext uri="{FF2B5EF4-FFF2-40B4-BE49-F238E27FC236}">
                <a16:creationId xmlns:a16="http://schemas.microsoft.com/office/drawing/2014/main" id="{20D5CD53-1322-5462-824D-36DBE3D0EFE7}"/>
              </a:ext>
            </a:extLst>
          </p:cNvPr>
          <p:cNvSpPr/>
          <p:nvPr/>
        </p:nvSpPr>
        <p:spPr>
          <a:xfrm>
            <a:off x="9250092" y="4864273"/>
            <a:ext cx="2636055" cy="402955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bg1"/>
                </a:solidFill>
              </a:rPr>
              <a:t>Connectivité sans frontières</a:t>
            </a:r>
          </a:p>
        </p:txBody>
      </p:sp>
      <p:sp>
        <p:nvSpPr>
          <p:cNvPr id="83" name="Rounded Rectangle 82">
            <a:extLst>
              <a:ext uri="{FF2B5EF4-FFF2-40B4-BE49-F238E27FC236}">
                <a16:creationId xmlns:a16="http://schemas.microsoft.com/office/drawing/2014/main" id="{7A760FF3-2360-9C5C-D3B8-86F185CE4F6A}"/>
              </a:ext>
            </a:extLst>
          </p:cNvPr>
          <p:cNvSpPr/>
          <p:nvPr/>
        </p:nvSpPr>
        <p:spPr>
          <a:xfrm>
            <a:off x="9250091" y="5463103"/>
            <a:ext cx="2636055" cy="402955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bg1"/>
                </a:solidFill>
              </a:rPr>
              <a:t>0 appel perdu</a:t>
            </a:r>
          </a:p>
        </p:txBody>
      </p:sp>
      <p:cxnSp>
        <p:nvCxnSpPr>
          <p:cNvPr id="3" name="Straight Arrow Connector 2">
            <a:extLst>
              <a:ext uri="{FF2B5EF4-FFF2-40B4-BE49-F238E27FC236}">
                <a16:creationId xmlns:a16="http://schemas.microsoft.com/office/drawing/2014/main" id="{BC8782E1-C83A-6044-565F-BB908B95B127}"/>
              </a:ext>
            </a:extLst>
          </p:cNvPr>
          <p:cNvCxnSpPr>
            <a:cxnSpLocks/>
          </p:cNvCxnSpPr>
          <p:nvPr/>
        </p:nvCxnSpPr>
        <p:spPr>
          <a:xfrm>
            <a:off x="3673915" y="3897225"/>
            <a:ext cx="563776" cy="0"/>
          </a:xfrm>
          <a:prstGeom prst="straightConnector1">
            <a:avLst/>
          </a:prstGeom>
          <a:ln w="19050">
            <a:solidFill>
              <a:schemeClr val="tx1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5" name="Straight Arrow Connector 4">
            <a:extLst>
              <a:ext uri="{FF2B5EF4-FFF2-40B4-BE49-F238E27FC236}">
                <a16:creationId xmlns:a16="http://schemas.microsoft.com/office/drawing/2014/main" id="{A2E0984E-BFD7-6139-28EA-443E92B2B487}"/>
              </a:ext>
            </a:extLst>
          </p:cNvPr>
          <p:cNvCxnSpPr>
            <a:cxnSpLocks/>
          </p:cNvCxnSpPr>
          <p:nvPr/>
        </p:nvCxnSpPr>
        <p:spPr>
          <a:xfrm>
            <a:off x="7512125" y="3897225"/>
            <a:ext cx="649205" cy="0"/>
          </a:xfrm>
          <a:prstGeom prst="straightConnector1">
            <a:avLst/>
          </a:prstGeom>
          <a:ln w="19050">
            <a:solidFill>
              <a:schemeClr val="tx1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9" name="Picture 8" descr="A cellphone with a black screen&#10;&#10;Description automatically generated">
            <a:extLst>
              <a:ext uri="{FF2B5EF4-FFF2-40B4-BE49-F238E27FC236}">
                <a16:creationId xmlns:a16="http://schemas.microsoft.com/office/drawing/2014/main" id="{D9C303B0-F0B2-D4EA-C35D-73A5709036AB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946" t="25179" r="54594" b="24057"/>
          <a:stretch/>
        </p:blipFill>
        <p:spPr>
          <a:xfrm>
            <a:off x="5050064" y="3877088"/>
            <a:ext cx="306227" cy="359177"/>
          </a:xfrm>
          <a:prstGeom prst="rect">
            <a:avLst/>
          </a:prstGeom>
        </p:spPr>
      </p:pic>
      <p:pic>
        <p:nvPicPr>
          <p:cNvPr id="12" name="Picture 11" descr="A phone number on a black background&#10;&#10;Description automatically generated">
            <a:extLst>
              <a:ext uri="{FF2B5EF4-FFF2-40B4-BE49-F238E27FC236}">
                <a16:creationId xmlns:a16="http://schemas.microsoft.com/office/drawing/2014/main" id="{89B7E107-FB0C-3365-406A-123B2CDFDF8E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8542" t="38275" r="27726" b="39092"/>
          <a:stretch/>
        </p:blipFill>
        <p:spPr>
          <a:xfrm>
            <a:off x="8161330" y="3706071"/>
            <a:ext cx="881187" cy="342033"/>
          </a:xfrm>
          <a:prstGeom prst="rect">
            <a:avLst/>
          </a:prstGeom>
        </p:spPr>
      </p:pic>
      <p:sp>
        <p:nvSpPr>
          <p:cNvPr id="13" name="TextBox 12">
            <a:extLst>
              <a:ext uri="{FF2B5EF4-FFF2-40B4-BE49-F238E27FC236}">
                <a16:creationId xmlns:a16="http://schemas.microsoft.com/office/drawing/2014/main" id="{CD92A9DE-110E-9751-448C-4103EB946BC0}"/>
              </a:ext>
            </a:extLst>
          </p:cNvPr>
          <p:cNvSpPr txBox="1"/>
          <p:nvPr/>
        </p:nvSpPr>
        <p:spPr>
          <a:xfrm>
            <a:off x="426268" y="1060390"/>
            <a:ext cx="11399916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Appuyez-vous sur une technologie </a:t>
            </a:r>
            <a:r>
              <a:rPr lang="fr-FR" sz="2400" b="1" dirty="0">
                <a:solidFill>
                  <a:schemeClr val="accent1"/>
                </a:solidFill>
              </a:rPr>
              <a:t>exclusive</a:t>
            </a:r>
            <a:r>
              <a:rPr lang="fr-FR" sz="2400" b="1" dirty="0"/>
              <a:t> </a:t>
            </a:r>
            <a:r>
              <a:rPr lang="fr-FR" sz="2400" b="1" dirty="0">
                <a:solidFill>
                  <a:schemeClr val="accent1"/>
                </a:solidFill>
              </a:rPr>
              <a:t>Dstny,</a:t>
            </a:r>
            <a:r>
              <a:rPr lang="fr-FR" sz="2400" b="1" dirty="0"/>
              <a:t> </a:t>
            </a:r>
          </a:p>
          <a:p>
            <a:pPr algn="l"/>
            <a:r>
              <a:rPr lang="fr-FR" sz="1400" dirty="0">
                <a:solidFill>
                  <a:schemeClr val="tx1"/>
                </a:solidFill>
                <a:latin typeface="+mn-lt"/>
              </a:rPr>
              <a:t>Vous ne trouverez pas meilleure convergence ailleurs !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F31BD521-AE36-C013-AFA0-5BE4F1D149D3}"/>
              </a:ext>
            </a:extLst>
          </p:cNvPr>
          <p:cNvSpPr txBox="1"/>
          <p:nvPr/>
        </p:nvSpPr>
        <p:spPr>
          <a:xfrm>
            <a:off x="8479019" y="3800420"/>
            <a:ext cx="451621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900" b="1" i="1" dirty="0"/>
              <a:t>appels</a:t>
            </a:r>
          </a:p>
        </p:txBody>
      </p:sp>
    </p:spTree>
    <p:extLst>
      <p:ext uri="{BB962C8B-B14F-4D97-AF65-F5344CB8AC3E}">
        <p14:creationId xmlns:p14="http://schemas.microsoft.com/office/powerpoint/2010/main" val="1184042228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ZoneTexte 4">
            <a:extLst>
              <a:ext uri="{FF2B5EF4-FFF2-40B4-BE49-F238E27FC236}">
                <a16:creationId xmlns:a16="http://schemas.microsoft.com/office/drawing/2014/main" id="{B2848E39-1F3F-0CA1-1E6A-60E84F84F891}"/>
              </a:ext>
            </a:extLst>
          </p:cNvPr>
          <p:cNvSpPr txBox="1"/>
          <p:nvPr/>
        </p:nvSpPr>
        <p:spPr>
          <a:xfrm>
            <a:off x="-1216879" y="2690336"/>
            <a:ext cx="14625799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L’INTÉGRATION MICROSOFT TEAMS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SANS PAREILLE</a:t>
            </a:r>
          </a:p>
        </p:txBody>
      </p:sp>
    </p:spTree>
    <p:extLst>
      <p:ext uri="{BB962C8B-B14F-4D97-AF65-F5344CB8AC3E}">
        <p14:creationId xmlns:p14="http://schemas.microsoft.com/office/powerpoint/2010/main" val="273340888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" name="Picture 9" descr="A person sitting on a chair with a computer&#10;&#10;Description automatically generated">
            <a:extLst>
              <a:ext uri="{FF2B5EF4-FFF2-40B4-BE49-F238E27FC236}">
                <a16:creationId xmlns:a16="http://schemas.microsoft.com/office/drawing/2014/main" id="{6EBB8A0F-EC4F-2A57-1E0A-C07A47AE08F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6458" t="21561" r="24735" b="22054"/>
          <a:stretch/>
        </p:blipFill>
        <p:spPr>
          <a:xfrm>
            <a:off x="3671102" y="3175686"/>
            <a:ext cx="4249890" cy="3682314"/>
          </a:xfrm>
          <a:prstGeom prst="rect">
            <a:avLst/>
          </a:prstGeom>
        </p:spPr>
      </p:pic>
      <p:sp>
        <p:nvSpPr>
          <p:cNvPr id="12" name="Titre 1">
            <a:extLst>
              <a:ext uri="{FF2B5EF4-FFF2-40B4-BE49-F238E27FC236}">
                <a16:creationId xmlns:a16="http://schemas.microsoft.com/office/drawing/2014/main" id="{23CB57BB-D3DE-4DBD-85B6-CBF4D2D0187C}"/>
              </a:ext>
            </a:extLst>
          </p:cNvPr>
          <p:cNvSpPr txBox="1">
            <a:spLocks/>
          </p:cNvSpPr>
          <p:nvPr/>
        </p:nvSpPr>
        <p:spPr>
          <a:xfrm>
            <a:off x="446309" y="462071"/>
            <a:ext cx="1129261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FUSIONEZ VOTRE TÉLÉPHONIE À MICROSOFT TEAMS</a:t>
            </a:r>
            <a:endParaRPr lang="fr-FR" dirty="0"/>
          </a:p>
        </p:txBody>
      </p:sp>
      <p:cxnSp>
        <p:nvCxnSpPr>
          <p:cNvPr id="5" name="Curved Connector 4">
            <a:extLst>
              <a:ext uri="{FF2B5EF4-FFF2-40B4-BE49-F238E27FC236}">
                <a16:creationId xmlns:a16="http://schemas.microsoft.com/office/drawing/2014/main" id="{74F7A4EC-F632-E03D-A4D4-C7CF8124CFF4}"/>
              </a:ext>
            </a:extLst>
          </p:cNvPr>
          <p:cNvCxnSpPr>
            <a:cxnSpLocks/>
          </p:cNvCxnSpPr>
          <p:nvPr/>
        </p:nvCxnSpPr>
        <p:spPr>
          <a:xfrm flipV="1">
            <a:off x="7454001" y="3209845"/>
            <a:ext cx="466991" cy="524475"/>
          </a:xfrm>
          <a:prstGeom prst="curvedConnector2">
            <a:avLst/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" name="TextBox 5">
            <a:extLst>
              <a:ext uri="{FF2B5EF4-FFF2-40B4-BE49-F238E27FC236}">
                <a16:creationId xmlns:a16="http://schemas.microsoft.com/office/drawing/2014/main" id="{32B1E2AC-C8C4-98BA-7520-95B55D7F40D5}"/>
              </a:ext>
            </a:extLst>
          </p:cNvPr>
          <p:cNvSpPr txBox="1"/>
          <p:nvPr/>
        </p:nvSpPr>
        <p:spPr>
          <a:xfrm>
            <a:off x="6856489" y="2731013"/>
            <a:ext cx="212900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FR" sz="1200" b="1" i="1" dirty="0"/>
              <a:t>Débloquez vos appels dans Microsoft Teams***</a:t>
            </a:r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1070CE9B-210A-9B1E-B7C9-82B971EAF31D}"/>
              </a:ext>
            </a:extLst>
          </p:cNvPr>
          <p:cNvSpPr txBox="1"/>
          <p:nvPr/>
        </p:nvSpPr>
        <p:spPr>
          <a:xfrm>
            <a:off x="2736600" y="3209845"/>
            <a:ext cx="2129006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FR" sz="1200" b="1" i="1" dirty="0"/>
              <a:t>Collaborez mieux que tout le monde*</a:t>
            </a:r>
          </a:p>
        </p:txBody>
      </p:sp>
      <p:cxnSp>
        <p:nvCxnSpPr>
          <p:cNvPr id="21" name="Curved Connector 20">
            <a:extLst>
              <a:ext uri="{FF2B5EF4-FFF2-40B4-BE49-F238E27FC236}">
                <a16:creationId xmlns:a16="http://schemas.microsoft.com/office/drawing/2014/main" id="{C527B5B3-374C-6403-62AB-04C4F5941C3B}"/>
              </a:ext>
            </a:extLst>
          </p:cNvPr>
          <p:cNvCxnSpPr>
            <a:cxnSpLocks/>
          </p:cNvCxnSpPr>
          <p:nvPr/>
        </p:nvCxnSpPr>
        <p:spPr>
          <a:xfrm rot="10800000">
            <a:off x="3801104" y="3674788"/>
            <a:ext cx="924091" cy="626297"/>
          </a:xfrm>
          <a:prstGeom prst="curvedConnector2">
            <a:avLst/>
          </a:prstGeom>
          <a:ln w="1905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5" name="Rounded Rectangle 24">
            <a:extLst>
              <a:ext uri="{FF2B5EF4-FFF2-40B4-BE49-F238E27FC236}">
                <a16:creationId xmlns:a16="http://schemas.microsoft.com/office/drawing/2014/main" id="{361ABE1B-1119-8336-8D5C-28EBB3273A6B}"/>
              </a:ext>
            </a:extLst>
          </p:cNvPr>
          <p:cNvSpPr/>
          <p:nvPr/>
        </p:nvSpPr>
        <p:spPr>
          <a:xfrm>
            <a:off x="1027597" y="3562473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Synchroniser vos statuts de présence </a:t>
            </a:r>
            <a:r>
              <a:rPr lang="fr-FR" sz="900" b="1" dirty="0">
                <a:solidFill>
                  <a:schemeClr val="bg1"/>
                </a:solidFill>
              </a:rPr>
              <a:t>fixe-mobile-teams**</a:t>
            </a:r>
            <a:endParaRPr lang="fr-FR" sz="1000" b="1" dirty="0">
              <a:solidFill>
                <a:schemeClr val="bg1"/>
              </a:solidFill>
            </a:endParaRPr>
          </a:p>
        </p:txBody>
      </p:sp>
      <p:sp>
        <p:nvSpPr>
          <p:cNvPr id="27" name="Rounded Rectangle 26">
            <a:extLst>
              <a:ext uri="{FF2B5EF4-FFF2-40B4-BE49-F238E27FC236}">
                <a16:creationId xmlns:a16="http://schemas.microsoft.com/office/drawing/2014/main" id="{06E41AD0-DDEA-44B0-3D92-A6207B9C4B74}"/>
              </a:ext>
            </a:extLst>
          </p:cNvPr>
          <p:cNvSpPr/>
          <p:nvPr/>
        </p:nvSpPr>
        <p:spPr>
          <a:xfrm>
            <a:off x="1027597" y="4096856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Paramétrez votre téléphonie</a:t>
            </a:r>
          </a:p>
        </p:txBody>
      </p:sp>
      <p:sp>
        <p:nvSpPr>
          <p:cNvPr id="28" name="Rounded Rectangle 27">
            <a:extLst>
              <a:ext uri="{FF2B5EF4-FFF2-40B4-BE49-F238E27FC236}">
                <a16:creationId xmlns:a16="http://schemas.microsoft.com/office/drawing/2014/main" id="{0E71D3CF-E842-EA6C-22DB-EBF33DF4F7F0}"/>
              </a:ext>
            </a:extLst>
          </p:cNvPr>
          <p:cNvSpPr/>
          <p:nvPr/>
        </p:nvSpPr>
        <p:spPr>
          <a:xfrm>
            <a:off x="1027597" y="4631239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Gérez votre connexion dans les groupements</a:t>
            </a:r>
          </a:p>
        </p:txBody>
      </p:sp>
      <p:sp>
        <p:nvSpPr>
          <p:cNvPr id="29" name="Rounded Rectangle 28">
            <a:extLst>
              <a:ext uri="{FF2B5EF4-FFF2-40B4-BE49-F238E27FC236}">
                <a16:creationId xmlns:a16="http://schemas.microsoft.com/office/drawing/2014/main" id="{F3AF47FA-1F35-E599-F50D-8BA8C8442269}"/>
              </a:ext>
            </a:extLst>
          </p:cNvPr>
          <p:cNvSpPr/>
          <p:nvPr/>
        </p:nvSpPr>
        <p:spPr>
          <a:xfrm>
            <a:off x="1027597" y="5165622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Choisissez votre caller ID </a:t>
            </a:r>
          </a:p>
        </p:txBody>
      </p:sp>
      <p:sp>
        <p:nvSpPr>
          <p:cNvPr id="30" name="Rounded Rectangle 29">
            <a:extLst>
              <a:ext uri="{FF2B5EF4-FFF2-40B4-BE49-F238E27FC236}">
                <a16:creationId xmlns:a16="http://schemas.microsoft.com/office/drawing/2014/main" id="{6C79141A-A673-AD60-2435-31E3F0167B8A}"/>
              </a:ext>
            </a:extLst>
          </p:cNvPr>
          <p:cNvSpPr/>
          <p:nvPr/>
        </p:nvSpPr>
        <p:spPr>
          <a:xfrm>
            <a:off x="1027597" y="5700005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Accédez à votre messagerie vocale</a:t>
            </a:r>
          </a:p>
        </p:txBody>
      </p:sp>
      <p:sp>
        <p:nvSpPr>
          <p:cNvPr id="31" name="Rounded Rectangle 30">
            <a:extLst>
              <a:ext uri="{FF2B5EF4-FFF2-40B4-BE49-F238E27FC236}">
                <a16:creationId xmlns:a16="http://schemas.microsoft.com/office/drawing/2014/main" id="{478543EA-97A2-6F8D-442F-48627EDF94F7}"/>
              </a:ext>
            </a:extLst>
          </p:cNvPr>
          <p:cNvSpPr/>
          <p:nvPr/>
        </p:nvSpPr>
        <p:spPr>
          <a:xfrm>
            <a:off x="9254099" y="2785739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Activez la téléphonie dans Microsoft Teams </a:t>
            </a:r>
          </a:p>
        </p:txBody>
      </p:sp>
      <p:sp>
        <p:nvSpPr>
          <p:cNvPr id="32" name="Rounded Rectangle 31">
            <a:extLst>
              <a:ext uri="{FF2B5EF4-FFF2-40B4-BE49-F238E27FC236}">
                <a16:creationId xmlns:a16="http://schemas.microsoft.com/office/drawing/2014/main" id="{4B055F5F-BC29-6F8D-14E2-4D24341EF427}"/>
              </a:ext>
            </a:extLst>
          </p:cNvPr>
          <p:cNvSpPr/>
          <p:nvPr/>
        </p:nvSpPr>
        <p:spPr>
          <a:xfrm>
            <a:off x="9272604" y="3274163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Recevez nativement vos appels</a:t>
            </a:r>
          </a:p>
        </p:txBody>
      </p:sp>
      <p:sp>
        <p:nvSpPr>
          <p:cNvPr id="33" name="Rounded Rectangle 32">
            <a:extLst>
              <a:ext uri="{FF2B5EF4-FFF2-40B4-BE49-F238E27FC236}">
                <a16:creationId xmlns:a16="http://schemas.microsoft.com/office/drawing/2014/main" id="{FC6A8621-7F3B-DC85-3A5E-F9CDEB8223FF}"/>
              </a:ext>
            </a:extLst>
          </p:cNvPr>
          <p:cNvSpPr/>
          <p:nvPr/>
        </p:nvSpPr>
        <p:spPr>
          <a:xfrm>
            <a:off x="9254099" y="3756913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Accédez au dial plan natif de Microsoft Teams </a:t>
            </a:r>
          </a:p>
        </p:txBody>
      </p:sp>
      <p:sp>
        <p:nvSpPr>
          <p:cNvPr id="34" name="Rounded Rectangle 33">
            <a:extLst>
              <a:ext uri="{FF2B5EF4-FFF2-40B4-BE49-F238E27FC236}">
                <a16:creationId xmlns:a16="http://schemas.microsoft.com/office/drawing/2014/main" id="{E48F2903-00E7-86D3-763B-D9DE7B114C51}"/>
              </a:ext>
            </a:extLst>
          </p:cNvPr>
          <p:cNvSpPr/>
          <p:nvPr/>
        </p:nvSpPr>
        <p:spPr>
          <a:xfrm>
            <a:off x="9272604" y="4242128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Vos contacts Microsoft sont synchronisés </a:t>
            </a:r>
          </a:p>
        </p:txBody>
      </p:sp>
      <p:sp>
        <p:nvSpPr>
          <p:cNvPr id="35" name="Rounded Rectangle 34">
            <a:extLst>
              <a:ext uri="{FF2B5EF4-FFF2-40B4-BE49-F238E27FC236}">
                <a16:creationId xmlns:a16="http://schemas.microsoft.com/office/drawing/2014/main" id="{92222514-E354-1DDA-5259-D6B2E534D6A1}"/>
              </a:ext>
            </a:extLst>
          </p:cNvPr>
          <p:cNvSpPr/>
          <p:nvPr/>
        </p:nvSpPr>
        <p:spPr>
          <a:xfrm>
            <a:off x="9272604" y="5214046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Toutes les fonctionnalités téléphonie de Teams</a:t>
            </a:r>
          </a:p>
        </p:txBody>
      </p:sp>
      <p:sp>
        <p:nvSpPr>
          <p:cNvPr id="36" name="Rounded Rectangle 35">
            <a:extLst>
              <a:ext uri="{FF2B5EF4-FFF2-40B4-BE49-F238E27FC236}">
                <a16:creationId xmlns:a16="http://schemas.microsoft.com/office/drawing/2014/main" id="{D442B242-534F-3619-EAA3-1A0D70A60D25}"/>
              </a:ext>
            </a:extLst>
          </p:cNvPr>
          <p:cNvSpPr/>
          <p:nvPr/>
        </p:nvSpPr>
        <p:spPr>
          <a:xfrm>
            <a:off x="9272604" y="5700005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Bénéficiez d’une expérience enrichie </a:t>
            </a: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5BDB793F-0636-68F6-C2EF-4D679CD37979}"/>
              </a:ext>
            </a:extLst>
          </p:cNvPr>
          <p:cNvSpPr txBox="1"/>
          <p:nvPr/>
        </p:nvSpPr>
        <p:spPr>
          <a:xfrm>
            <a:off x="426268" y="1060390"/>
            <a:ext cx="11399916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Choisissez la technologie </a:t>
            </a:r>
            <a:r>
              <a:rPr lang="fr-FR" sz="2400" b="1" dirty="0">
                <a:solidFill>
                  <a:schemeClr val="accent4"/>
                </a:solidFill>
              </a:rPr>
              <a:t>Dstny</a:t>
            </a:r>
            <a:r>
              <a:rPr lang="fr-FR" sz="2400" b="1" dirty="0"/>
              <a:t> </a:t>
            </a:r>
            <a:r>
              <a:rPr lang="fr-FR" sz="2400" b="1" dirty="0">
                <a:solidFill>
                  <a:schemeClr val="accent4"/>
                </a:solidFill>
              </a:rPr>
              <a:t>leader</a:t>
            </a:r>
            <a:r>
              <a:rPr lang="fr-FR" sz="2400" b="1" dirty="0"/>
              <a:t> du marché, </a:t>
            </a:r>
          </a:p>
          <a:p>
            <a:pPr algn="l"/>
            <a:r>
              <a:rPr lang="fr-FR" sz="1400" dirty="0"/>
              <a:t>Bénéficiez du partenariat silver Dstny avec Microsoft pour un maximum de fonctionnalités et d’efficacité.</a:t>
            </a:r>
            <a:endParaRPr lang="fr-FR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38" name="Rounded Rectangle 37">
            <a:extLst>
              <a:ext uri="{FF2B5EF4-FFF2-40B4-BE49-F238E27FC236}">
                <a16:creationId xmlns:a16="http://schemas.microsoft.com/office/drawing/2014/main" id="{D8F71790-869F-27AE-ECD4-9991A06DF072}"/>
              </a:ext>
            </a:extLst>
          </p:cNvPr>
          <p:cNvSpPr/>
          <p:nvPr/>
        </p:nvSpPr>
        <p:spPr>
          <a:xfrm>
            <a:off x="9272604" y="4728087"/>
            <a:ext cx="1891799" cy="408740"/>
          </a:xfrm>
          <a:prstGeom prst="roundRect">
            <a:avLst/>
          </a:prstGeom>
          <a:solidFill>
            <a:schemeClr val="accent4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Vos statuts 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fixe-mobile-teams </a:t>
            </a:r>
            <a:r>
              <a:rPr lang="fr-FR" sz="1000" b="1" dirty="0">
                <a:solidFill>
                  <a:schemeClr val="bg1"/>
                </a:solidFill>
              </a:rPr>
              <a:t>sont synchronisés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E718944F-53DB-A125-6AA7-C0ACB18FA42E}"/>
              </a:ext>
            </a:extLst>
          </p:cNvPr>
          <p:cNvSpPr txBox="1"/>
          <p:nvPr/>
        </p:nvSpPr>
        <p:spPr>
          <a:xfrm>
            <a:off x="7920992" y="6298205"/>
            <a:ext cx="3237807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FR" sz="900" b="1" dirty="0"/>
              <a:t>***Nécessite la licence Microsoft Teams Phone Standard</a:t>
            </a: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225EFE44-ED87-E4F0-DED9-76BA5310162A}"/>
              </a:ext>
            </a:extLst>
          </p:cNvPr>
          <p:cNvSpPr txBox="1"/>
          <p:nvPr/>
        </p:nvSpPr>
        <p:spPr>
          <a:xfrm>
            <a:off x="473106" y="6298205"/>
            <a:ext cx="36927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900" b="1" dirty="0"/>
              <a:t>*inclus gratuitement pour chaque utilisateur 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8440559-A5AD-66D8-350A-6B531C3325D7}"/>
              </a:ext>
            </a:extLst>
          </p:cNvPr>
          <p:cNvSpPr txBox="1"/>
          <p:nvPr/>
        </p:nvSpPr>
        <p:spPr>
          <a:xfrm>
            <a:off x="473106" y="6485145"/>
            <a:ext cx="369276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GB" sz="900" b="1" dirty="0"/>
              <a:t>**F</a:t>
            </a:r>
            <a:r>
              <a:rPr lang="en-FR" sz="900" b="1" dirty="0"/>
              <a:t>ixe-mobile-teams sous condition de mobile convergent</a:t>
            </a:r>
          </a:p>
        </p:txBody>
      </p:sp>
    </p:spTree>
    <p:extLst>
      <p:ext uri="{BB962C8B-B14F-4D97-AF65-F5344CB8AC3E}">
        <p14:creationId xmlns:p14="http://schemas.microsoft.com/office/powerpoint/2010/main" val="2885101315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ZoneTexte 4">
            <a:extLst>
              <a:ext uri="{FF2B5EF4-FFF2-40B4-BE49-F238E27FC236}">
                <a16:creationId xmlns:a16="http://schemas.microsoft.com/office/drawing/2014/main" id="{A63BE9A8-3631-B993-1372-F5A50C3A686E}"/>
              </a:ext>
            </a:extLst>
          </p:cNvPr>
          <p:cNvSpPr txBox="1"/>
          <p:nvPr/>
        </p:nvSpPr>
        <p:spPr>
          <a:xfrm>
            <a:off x="197708" y="2690336"/>
            <a:ext cx="11813060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MISEZ SUR LE POTENTIEL DE VOS COMMUNICATIONS</a:t>
            </a:r>
          </a:p>
        </p:txBody>
      </p:sp>
    </p:spTree>
    <p:extLst>
      <p:ext uri="{BB962C8B-B14F-4D97-AF65-F5344CB8AC3E}">
        <p14:creationId xmlns:p14="http://schemas.microsoft.com/office/powerpoint/2010/main" val="4254027842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6661EE-A05F-3EA1-3DE0-3AF79BAACC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FR" dirty="0"/>
              <a:t>VALORISEZ CHACUNE DE VOS CONVERSATIONS</a:t>
            </a:r>
          </a:p>
        </p:txBody>
      </p:sp>
      <p:pic>
        <p:nvPicPr>
          <p:cNvPr id="5" name="Content Placeholder 4" descr="A person and person looking at a computer&#10;&#10;Description automatically generated">
            <a:extLst>
              <a:ext uri="{FF2B5EF4-FFF2-40B4-BE49-F238E27FC236}">
                <a16:creationId xmlns:a16="http://schemas.microsoft.com/office/drawing/2014/main" id="{48C04384-D95D-1621-D5EB-22D2B3B80E97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750" r="20509" b="18814"/>
          <a:stretch/>
        </p:blipFill>
        <p:spPr>
          <a:xfrm>
            <a:off x="0" y="1887749"/>
            <a:ext cx="4958080" cy="4970252"/>
          </a:xfrm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C07EB2E3-32FA-6ABB-42F3-AB6A5CCCC40B}"/>
              </a:ext>
            </a:extLst>
          </p:cNvPr>
          <p:cNvSpPr txBox="1"/>
          <p:nvPr/>
        </p:nvSpPr>
        <p:spPr>
          <a:xfrm>
            <a:off x="426268" y="1060390"/>
            <a:ext cx="11562532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Vos communications ont des supers-pouvoirs avec MBCaaS,</a:t>
            </a:r>
          </a:p>
          <a:p>
            <a:pPr algn="l"/>
            <a:r>
              <a:rPr lang="fr-FR" sz="1400" dirty="0"/>
              <a:t>Optimisez, analysez, performez en un coup de baguette magique (ou plutôt en quelques clics).</a:t>
            </a:r>
            <a:endParaRPr lang="fr-FR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7" name="Rounded Rectangular Callout 6">
            <a:extLst>
              <a:ext uri="{FF2B5EF4-FFF2-40B4-BE49-F238E27FC236}">
                <a16:creationId xmlns:a16="http://schemas.microsoft.com/office/drawing/2014/main" id="{556AFC6B-EE8E-B14B-9700-377C388F1ED5}"/>
              </a:ext>
            </a:extLst>
          </p:cNvPr>
          <p:cNvSpPr/>
          <p:nvPr/>
        </p:nvSpPr>
        <p:spPr>
          <a:xfrm>
            <a:off x="5953506" y="3304025"/>
            <a:ext cx="4022516" cy="562989"/>
          </a:xfrm>
          <a:prstGeom prst="wedgeRoundRectCallout">
            <a:avLst>
              <a:gd name="adj1" fmla="val -54297"/>
              <a:gd name="adj2" fmla="val 35528"/>
              <a:gd name="adj3" fmla="val 16667"/>
            </a:avLst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FR" sz="2400" b="1" noProof="0" dirty="0">
                <a:solidFill>
                  <a:schemeClr val="bg1"/>
                </a:solidFill>
              </a:rPr>
              <a:t>CRM CONNECT </a:t>
            </a:r>
          </a:p>
          <a:p>
            <a:pPr algn="ctr"/>
            <a:r>
              <a:rPr lang="en-FR" sz="1000" b="1" noProof="0" dirty="0">
                <a:solidFill>
                  <a:schemeClr val="bg1"/>
                </a:solidFill>
              </a:rPr>
              <a:t>l’intégration de votre outil métier</a:t>
            </a:r>
          </a:p>
        </p:txBody>
      </p:sp>
      <p:sp>
        <p:nvSpPr>
          <p:cNvPr id="12" name="Rounded Rectangular Callout 11">
            <a:extLst>
              <a:ext uri="{FF2B5EF4-FFF2-40B4-BE49-F238E27FC236}">
                <a16:creationId xmlns:a16="http://schemas.microsoft.com/office/drawing/2014/main" id="{E282BB44-9B1E-7270-F902-4B1F03367184}"/>
              </a:ext>
            </a:extLst>
          </p:cNvPr>
          <p:cNvSpPr/>
          <p:nvPr/>
        </p:nvSpPr>
        <p:spPr>
          <a:xfrm>
            <a:off x="5953506" y="4155114"/>
            <a:ext cx="4022516" cy="562989"/>
          </a:xfrm>
          <a:prstGeom prst="wedgeRoundRectCallout">
            <a:avLst>
              <a:gd name="adj1" fmla="val -54297"/>
              <a:gd name="adj2" fmla="val 35528"/>
              <a:gd name="adj3" fmla="val 16667"/>
            </a:avLst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FR" sz="24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EXPÉRIENCE CLIENT</a:t>
            </a:r>
            <a:endParaRPr lang="en-FR" sz="1200" b="1" noProof="0" dirty="0">
              <a:solidFill>
                <a:schemeClr val="bg1"/>
              </a:solidFill>
            </a:endParaRPr>
          </a:p>
          <a:p>
            <a:pPr algn="ctr"/>
            <a:r>
              <a:rPr lang="en-FR" sz="1000" b="1" noProof="0" dirty="0">
                <a:solidFill>
                  <a:schemeClr val="bg1"/>
                </a:solidFill>
              </a:rPr>
              <a:t>Fonctionnalités de téléphonies avancées </a:t>
            </a:r>
          </a:p>
        </p:txBody>
      </p:sp>
      <p:sp>
        <p:nvSpPr>
          <p:cNvPr id="14" name="Rounded Rectangular Callout 13">
            <a:extLst>
              <a:ext uri="{FF2B5EF4-FFF2-40B4-BE49-F238E27FC236}">
                <a16:creationId xmlns:a16="http://schemas.microsoft.com/office/drawing/2014/main" id="{9227895A-F5F3-5632-A98F-8B6F1C92B1FB}"/>
              </a:ext>
            </a:extLst>
          </p:cNvPr>
          <p:cNvSpPr/>
          <p:nvPr/>
        </p:nvSpPr>
        <p:spPr>
          <a:xfrm>
            <a:off x="5902734" y="5006203"/>
            <a:ext cx="4022516" cy="562989"/>
          </a:xfrm>
          <a:prstGeom prst="wedgeRoundRectCallout">
            <a:avLst>
              <a:gd name="adj1" fmla="val -54297"/>
              <a:gd name="adj2" fmla="val 35528"/>
              <a:gd name="adj3" fmla="val 16667"/>
            </a:avLst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FR" sz="2400" b="1" dirty="0">
                <a:solidFill>
                  <a:schemeClr val="bg1"/>
                </a:solidFill>
              </a:rPr>
              <a:t>MYADMIN</a:t>
            </a:r>
          </a:p>
          <a:p>
            <a:pPr algn="ctr"/>
            <a:r>
              <a:rPr lang="en-FR" sz="1000" b="1" dirty="0">
                <a:solidFill>
                  <a:schemeClr val="bg1"/>
                </a:solidFill>
              </a:rPr>
              <a:t>v</a:t>
            </a:r>
            <a:r>
              <a:rPr lang="en-FR" sz="1000" b="1" noProof="0" dirty="0">
                <a:solidFill>
                  <a:schemeClr val="bg1"/>
                </a:solidFill>
              </a:rPr>
              <a:t>otre portail de management intuitif </a:t>
            </a:r>
          </a:p>
        </p:txBody>
      </p:sp>
      <p:sp>
        <p:nvSpPr>
          <p:cNvPr id="15" name="Rounded Rectangular Callout 14">
            <a:extLst>
              <a:ext uri="{FF2B5EF4-FFF2-40B4-BE49-F238E27FC236}">
                <a16:creationId xmlns:a16="http://schemas.microsoft.com/office/drawing/2014/main" id="{E4F45FF3-AE4D-B2C5-4C7E-CB9644F00662}"/>
              </a:ext>
            </a:extLst>
          </p:cNvPr>
          <p:cNvSpPr/>
          <p:nvPr/>
        </p:nvSpPr>
        <p:spPr>
          <a:xfrm>
            <a:off x="5953506" y="2456181"/>
            <a:ext cx="4022516" cy="562989"/>
          </a:xfrm>
          <a:prstGeom prst="wedgeRoundRectCallout">
            <a:avLst>
              <a:gd name="adj1" fmla="val -54297"/>
              <a:gd name="adj2" fmla="val 35528"/>
              <a:gd name="adj3" fmla="val 16667"/>
            </a:avLst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en-FR" sz="2400" b="1" dirty="0">
                <a:solidFill>
                  <a:schemeClr val="bg1"/>
                </a:solidFill>
              </a:rPr>
              <a:t>ANALYTICS</a:t>
            </a:r>
            <a:endParaRPr lang="en-FR" sz="1200" b="1" dirty="0">
              <a:solidFill>
                <a:schemeClr val="bg1"/>
              </a:solidFill>
            </a:endParaRPr>
          </a:p>
          <a:p>
            <a:pPr algn="ctr"/>
            <a:r>
              <a:rPr lang="en-FR" sz="1000" b="1" dirty="0">
                <a:solidFill>
                  <a:schemeClr val="bg1"/>
                </a:solidFill>
              </a:rPr>
              <a:t>l’analyse de vos flux &amp; la compréhension de votre business</a:t>
            </a:r>
            <a:endParaRPr lang="en-FR" sz="1000" b="1" noProof="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6738827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6661EE-A05F-3EA1-3DE0-3AF79BAACC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FR" dirty="0"/>
              <a:t>PRENEZ LE POULS DE VOS COMMUNICATION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07EB2E3-32FA-6ABB-42F3-AB6A5CCCC40B}"/>
              </a:ext>
            </a:extLst>
          </p:cNvPr>
          <p:cNvSpPr txBox="1"/>
          <p:nvPr/>
        </p:nvSpPr>
        <p:spPr>
          <a:xfrm>
            <a:off x="426268" y="1060390"/>
            <a:ext cx="11562532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Analytics pour aider votre prise de décisions &amp; impacter votre business,</a:t>
            </a:r>
          </a:p>
          <a:p>
            <a:pPr algn="l"/>
            <a:r>
              <a:rPr lang="fr-FR" sz="1400" dirty="0"/>
              <a:t>Parce qu’on ne peut améliorer que ce que l’on peut mesurer. </a:t>
            </a:r>
            <a:endParaRPr lang="fr-FR" sz="1400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10" name="Picture 9" descr="A computer with a screen showing a graph&#10;&#10;Description automatically generated">
            <a:extLst>
              <a:ext uri="{FF2B5EF4-FFF2-40B4-BE49-F238E27FC236}">
                <a16:creationId xmlns:a16="http://schemas.microsoft.com/office/drawing/2014/main" id="{1494AAE6-35AA-374D-B0F4-71B06340F874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BEBA8EAE-BF5A-486C-A8C5-ECC9F3942E4B}">
                <a14:imgProps xmlns:a14="http://schemas.microsoft.com/office/drawing/2010/main">
                  <a14:imgLayer r:embed="rId4">
                    <a14:imgEffect>
                      <a14:backgroundRemoval t="9895" b="89955" l="8500" r="90000">
                        <a14:foregroundMark x1="8500" y1="86357" x2="8500" y2="86357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 l="7135" r="8557" b="9501"/>
          <a:stretch/>
        </p:blipFill>
        <p:spPr>
          <a:xfrm>
            <a:off x="3572421" y="3246120"/>
            <a:ext cx="5047157" cy="3611880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1E9E62E5-94E0-BAFE-F507-F76D56CCFA89}"/>
              </a:ext>
            </a:extLst>
          </p:cNvPr>
          <p:cNvSpPr txBox="1"/>
          <p:nvPr/>
        </p:nvSpPr>
        <p:spPr>
          <a:xfrm>
            <a:off x="4325686" y="2870129"/>
            <a:ext cx="3070865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FR" sz="1400" b="1" dirty="0">
                <a:solidFill>
                  <a:schemeClr val="accent1"/>
                </a:solidFill>
              </a:rPr>
              <a:t>Tableaux de bord en temps réel 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43B23181-7BDA-320F-4AFB-592F3EA247DE}"/>
              </a:ext>
            </a:extLst>
          </p:cNvPr>
          <p:cNvSpPr txBox="1"/>
          <p:nvPr/>
        </p:nvSpPr>
        <p:spPr>
          <a:xfrm>
            <a:off x="534744" y="3743057"/>
            <a:ext cx="3070866" cy="13696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1400" b="1" dirty="0">
                <a:solidFill>
                  <a:schemeClr val="accent1"/>
                </a:solidFill>
              </a:rPr>
              <a:t>Statistiques basiques*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GB" sz="1050" dirty="0"/>
              <a:t>R</a:t>
            </a:r>
            <a:r>
              <a:rPr lang="en-FR" sz="1050" dirty="0"/>
              <a:t>apports et tableaux de bord (par l’entreprise, les utilisateurs, les groupements et les SVI)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FR" sz="1050" dirty="0"/>
              <a:t>Vues multiples : </a:t>
            </a:r>
            <a:br>
              <a:rPr lang="en-FR" sz="1050" dirty="0"/>
            </a:br>
            <a:r>
              <a:rPr lang="en-FR" sz="1050" dirty="0"/>
              <a:t>total des appels, durée totale, durée moyenne, pourcentage d’appels répondus </a:t>
            </a:r>
          </a:p>
          <a:p>
            <a:pPr marL="171450" indent="-171450">
              <a:buFont typeface="Arial" panose="020B0604020202020204" pitchFamily="34" charset="0"/>
              <a:buChar char="•"/>
            </a:pPr>
            <a:r>
              <a:rPr lang="en-FR" sz="1050" dirty="0"/>
              <a:t>Création de rapports basiques </a:t>
            </a:r>
          </a:p>
          <a:p>
            <a:r>
              <a:rPr lang="en-FR" sz="1200" b="1" dirty="0"/>
              <a:t> </a:t>
            </a:r>
          </a:p>
        </p:txBody>
      </p:sp>
      <p:sp>
        <p:nvSpPr>
          <p:cNvPr id="23" name="TextBox 22">
            <a:extLst>
              <a:ext uri="{FF2B5EF4-FFF2-40B4-BE49-F238E27FC236}">
                <a16:creationId xmlns:a16="http://schemas.microsoft.com/office/drawing/2014/main" id="{06408E03-C85D-BD3C-E0D5-56CA93C337D8}"/>
              </a:ext>
            </a:extLst>
          </p:cNvPr>
          <p:cNvSpPr txBox="1"/>
          <p:nvPr/>
        </p:nvSpPr>
        <p:spPr>
          <a:xfrm>
            <a:off x="8450944" y="4339520"/>
            <a:ext cx="3239500" cy="15619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1400" b="1" dirty="0">
                <a:solidFill>
                  <a:schemeClr val="accent1"/>
                </a:solidFill>
              </a:rPr>
              <a:t>Statistiques avancées**</a:t>
            </a:r>
          </a:p>
          <a:p>
            <a:pPr marL="171450" marR="0" lvl="0" indent="-17145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FR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ersonnalisation des rapports </a:t>
            </a:r>
            <a:endParaRPr lang="en-FR" sz="1050" dirty="0">
              <a:solidFill>
                <a:srgbClr val="000000"/>
              </a:solidFill>
              <a:latin typeface="Dstny Body"/>
            </a:endParaRPr>
          </a:p>
          <a:p>
            <a:pPr marL="171450" marR="0" lvl="0" indent="-17145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FR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Anal</a:t>
            </a:r>
            <a:r>
              <a:rPr lang="en-FR" sz="1050" dirty="0">
                <a:solidFill>
                  <a:srgbClr val="000000"/>
                </a:solidFill>
                <a:latin typeface="Dstny Body"/>
              </a:rPr>
              <a:t>yse de la source des appels </a:t>
            </a:r>
          </a:p>
          <a:p>
            <a:pPr marL="171450" marR="0" lvl="0" indent="-17145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FR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Analyse des messages vocaux </a:t>
            </a:r>
          </a:p>
          <a:p>
            <a:pPr marL="171450" marR="0" lvl="0" indent="-17145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FR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Définition SLA et création d’objectifs pour suivi </a:t>
            </a:r>
          </a:p>
          <a:p>
            <a:pPr marL="171450" marR="0" lvl="0" indent="-17145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FR" sz="1050" dirty="0">
                <a:solidFill>
                  <a:srgbClr val="000000"/>
                </a:solidFill>
                <a:latin typeface="Dstny Body"/>
              </a:rPr>
              <a:t>Exports des données </a:t>
            </a:r>
          </a:p>
          <a:p>
            <a:pPr marL="171450" marR="0" lvl="0" indent="-17145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en-FR" sz="105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Distribution automatisée des rapports </a:t>
            </a:r>
          </a:p>
          <a:p>
            <a:pPr marL="171450" marR="0" lvl="0" indent="-171450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en-FR" sz="1050" dirty="0">
                <a:solidFill>
                  <a:srgbClr val="000000"/>
                </a:solidFill>
                <a:latin typeface="Dstny Body"/>
              </a:rPr>
              <a:t>Connecteurs pour système externe </a:t>
            </a:r>
            <a:endParaRPr kumimoji="0" lang="en-FR" sz="105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  <a:p>
            <a:endParaRPr lang="en-FR" sz="1400" b="1" dirty="0">
              <a:solidFill>
                <a:schemeClr val="accent1"/>
              </a:solidFill>
            </a:endParaRPr>
          </a:p>
        </p:txBody>
      </p:sp>
      <p:cxnSp>
        <p:nvCxnSpPr>
          <p:cNvPr id="24" name="Curved Connector 23">
            <a:extLst>
              <a:ext uri="{FF2B5EF4-FFF2-40B4-BE49-F238E27FC236}">
                <a16:creationId xmlns:a16="http://schemas.microsoft.com/office/drawing/2014/main" id="{ABF30FDA-BD9A-59C1-5FA2-83E66CDD0D2B}"/>
              </a:ext>
            </a:extLst>
          </p:cNvPr>
          <p:cNvCxnSpPr>
            <a:cxnSpLocks/>
          </p:cNvCxnSpPr>
          <p:nvPr/>
        </p:nvCxnSpPr>
        <p:spPr>
          <a:xfrm rot="10800000">
            <a:off x="3143564" y="5045841"/>
            <a:ext cx="924091" cy="626297"/>
          </a:xfrm>
          <a:prstGeom prst="curvedConnector2">
            <a:avLst/>
          </a:prstGeom>
          <a:ln w="19050">
            <a:solidFill>
              <a:schemeClr val="tx2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25" name="Curved Connector 24">
            <a:extLst>
              <a:ext uri="{FF2B5EF4-FFF2-40B4-BE49-F238E27FC236}">
                <a16:creationId xmlns:a16="http://schemas.microsoft.com/office/drawing/2014/main" id="{B79B4F42-55EF-3D34-24CC-8A67847A8242}"/>
              </a:ext>
            </a:extLst>
          </p:cNvPr>
          <p:cNvCxnSpPr>
            <a:cxnSpLocks/>
          </p:cNvCxnSpPr>
          <p:nvPr/>
        </p:nvCxnSpPr>
        <p:spPr>
          <a:xfrm flipV="1">
            <a:off x="8450944" y="5797610"/>
            <a:ext cx="466991" cy="524475"/>
          </a:xfrm>
          <a:prstGeom prst="curvedConnector2">
            <a:avLst/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1" name="Curved Connector 30">
            <a:extLst>
              <a:ext uri="{FF2B5EF4-FFF2-40B4-BE49-F238E27FC236}">
                <a16:creationId xmlns:a16="http://schemas.microsoft.com/office/drawing/2014/main" id="{6C997703-A938-5437-5396-C6DE22A75810}"/>
              </a:ext>
            </a:extLst>
          </p:cNvPr>
          <p:cNvCxnSpPr>
            <a:cxnSpLocks/>
          </p:cNvCxnSpPr>
          <p:nvPr/>
        </p:nvCxnSpPr>
        <p:spPr>
          <a:xfrm rot="16200000" flipV="1">
            <a:off x="7214070" y="3160333"/>
            <a:ext cx="902296" cy="537333"/>
          </a:xfrm>
          <a:prstGeom prst="curvedConnector2">
            <a:avLst/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6" name="TextBox 35">
            <a:extLst>
              <a:ext uri="{FF2B5EF4-FFF2-40B4-BE49-F238E27FC236}">
                <a16:creationId xmlns:a16="http://schemas.microsoft.com/office/drawing/2014/main" id="{FDB26189-85B0-1BB5-1E0C-67AC0C9C8602}"/>
              </a:ext>
            </a:extLst>
          </p:cNvPr>
          <p:cNvSpPr txBox="1"/>
          <p:nvPr/>
        </p:nvSpPr>
        <p:spPr>
          <a:xfrm>
            <a:off x="534744" y="3036017"/>
            <a:ext cx="3146153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1200" b="1" dirty="0"/>
              <a:t>La solution MBCaaS Dstny offre une visibilité détaillé de vos communications gratuitement !</a:t>
            </a:r>
          </a:p>
        </p:txBody>
      </p:sp>
      <p:sp>
        <p:nvSpPr>
          <p:cNvPr id="38" name="TextBox 37">
            <a:extLst>
              <a:ext uri="{FF2B5EF4-FFF2-40B4-BE49-F238E27FC236}">
                <a16:creationId xmlns:a16="http://schemas.microsoft.com/office/drawing/2014/main" id="{A2DDFCCB-B0EF-8C15-265B-34C87911BE74}"/>
              </a:ext>
            </a:extLst>
          </p:cNvPr>
          <p:cNvSpPr txBox="1"/>
          <p:nvPr/>
        </p:nvSpPr>
        <p:spPr>
          <a:xfrm>
            <a:off x="8450944" y="3631758"/>
            <a:ext cx="3239499" cy="55399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1200" b="1" dirty="0"/>
              <a:t>Vous avez la donnée, mais avez-vous l’information ? Faites parler les données avec la solution MBCaaS Dstny !</a:t>
            </a:r>
          </a:p>
        </p:txBody>
      </p:sp>
      <p:sp>
        <p:nvSpPr>
          <p:cNvPr id="39" name="TextBox 38">
            <a:extLst>
              <a:ext uri="{FF2B5EF4-FFF2-40B4-BE49-F238E27FC236}">
                <a16:creationId xmlns:a16="http://schemas.microsoft.com/office/drawing/2014/main" id="{E63B11EA-0392-67A8-475D-FE38736CB0C4}"/>
              </a:ext>
            </a:extLst>
          </p:cNvPr>
          <p:cNvSpPr txBox="1"/>
          <p:nvPr/>
        </p:nvSpPr>
        <p:spPr>
          <a:xfrm>
            <a:off x="3659531" y="2410853"/>
            <a:ext cx="4870538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fr-FR" sz="1200" b="1" dirty="0">
                <a:solidFill>
                  <a:srgbClr val="000000">
                    <a:lumMod val="75000"/>
                    <a:lumOff val="25000"/>
                  </a:srgbClr>
                </a:solidFill>
                <a:latin typeface="Dstny Body"/>
                <a:cs typeface="+mj-cs"/>
              </a:rPr>
              <a:t>Accédez au flux fixe et mobile de votre entreprise et pilotez votre activité pour une efficacité et un service optimal</a:t>
            </a:r>
            <a:endParaRPr lang="en-FR" sz="1200" b="1" dirty="0"/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D49FA50E-2DA2-ECAD-021A-3755367D5610}"/>
              </a:ext>
            </a:extLst>
          </p:cNvPr>
          <p:cNvSpPr txBox="1"/>
          <p:nvPr/>
        </p:nvSpPr>
        <p:spPr>
          <a:xfrm>
            <a:off x="9156911" y="6426449"/>
            <a:ext cx="2153920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FR" sz="800" b="1" dirty="0"/>
              <a:t>** option payante statistiques avancées  </a:t>
            </a:r>
            <a:endParaRPr lang="en-FR" sz="800" dirty="0"/>
          </a:p>
        </p:txBody>
      </p:sp>
      <p:sp>
        <p:nvSpPr>
          <p:cNvPr id="42" name="TextBox 41">
            <a:extLst>
              <a:ext uri="{FF2B5EF4-FFF2-40B4-BE49-F238E27FC236}">
                <a16:creationId xmlns:a16="http://schemas.microsoft.com/office/drawing/2014/main" id="{824F5FCB-DD36-599F-CC7D-3879333871E7}"/>
              </a:ext>
            </a:extLst>
          </p:cNvPr>
          <p:cNvSpPr txBox="1"/>
          <p:nvPr/>
        </p:nvSpPr>
        <p:spPr>
          <a:xfrm>
            <a:off x="426268" y="6426449"/>
            <a:ext cx="2847796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FR" sz="800" b="1" dirty="0"/>
              <a:t>*inclus sans options accessible pour un profil admin </a:t>
            </a:r>
            <a:endParaRPr lang="en-FR" sz="800" dirty="0"/>
          </a:p>
        </p:txBody>
      </p:sp>
    </p:spTree>
    <p:extLst>
      <p:ext uri="{BB962C8B-B14F-4D97-AF65-F5344CB8AC3E}">
        <p14:creationId xmlns:p14="http://schemas.microsoft.com/office/powerpoint/2010/main" val="4270382696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6661EE-A05F-3EA1-3DE0-3AF79BAACC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LIEZ, RÉAGISSEZ, RENFORCEZ</a:t>
            </a:r>
            <a:endParaRPr lang="en-FR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07EB2E3-32FA-6ABB-42F3-AB6A5CCCC40B}"/>
              </a:ext>
            </a:extLst>
          </p:cNvPr>
          <p:cNvSpPr txBox="1"/>
          <p:nvPr/>
        </p:nvSpPr>
        <p:spPr>
          <a:xfrm>
            <a:off x="426268" y="1071974"/>
            <a:ext cx="11562532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CRM Connect*, la voix vers la relation client supérieure, </a:t>
            </a:r>
          </a:p>
          <a:p>
            <a:pPr algn="l"/>
            <a:r>
              <a:rPr lang="fr-FR" sz="1400" dirty="0">
                <a:solidFill>
                  <a:schemeClr val="tx1"/>
                </a:solidFill>
                <a:latin typeface="+mn-lt"/>
              </a:rPr>
              <a:t>Luttez contre la multiplicité des outils</a:t>
            </a:r>
            <a:r>
              <a:rPr lang="fr-FR" sz="1400" dirty="0"/>
              <a:t>, et permettez aux collaborateurs de gagner en efficacité.</a:t>
            </a:r>
            <a:endParaRPr lang="fr-FR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AB66EBF-ED39-D2DE-134E-E04D6F26E794}"/>
              </a:ext>
            </a:extLst>
          </p:cNvPr>
          <p:cNvSpPr txBox="1"/>
          <p:nvPr/>
        </p:nvSpPr>
        <p:spPr>
          <a:xfrm>
            <a:off x="426268" y="6383331"/>
            <a:ext cx="2847796" cy="21544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FR" sz="800" b="1" dirty="0"/>
              <a:t>*nécéssite une licence SMART+  </a:t>
            </a:r>
            <a:endParaRPr lang="en-FR" sz="800" dirty="0"/>
          </a:p>
        </p:txBody>
      </p:sp>
      <p:pic>
        <p:nvPicPr>
          <p:cNvPr id="5" name="Picture 4" descr="A computer with a black background&#10;&#10;Description automatically generated">
            <a:extLst>
              <a:ext uri="{FF2B5EF4-FFF2-40B4-BE49-F238E27FC236}">
                <a16:creationId xmlns:a16="http://schemas.microsoft.com/office/drawing/2014/main" id="{9AB03E18-D1E9-B7D9-FCA4-1BA363306E36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1280"/>
          <a:stretch/>
        </p:blipFill>
        <p:spPr>
          <a:xfrm>
            <a:off x="6783810" y="1711386"/>
            <a:ext cx="7335841" cy="5498572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538DA59D-F627-05AA-19CA-E4BFBE7280F1}"/>
              </a:ext>
            </a:extLst>
          </p:cNvPr>
          <p:cNvSpPr txBox="1"/>
          <p:nvPr/>
        </p:nvSpPr>
        <p:spPr>
          <a:xfrm>
            <a:off x="6963660" y="2167183"/>
            <a:ext cx="2538461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FR" sz="1200" b="1" i="1" dirty="0"/>
              <a:t>Toutes les informations en un point centralisé </a:t>
            </a:r>
          </a:p>
        </p:txBody>
      </p:sp>
      <p:cxnSp>
        <p:nvCxnSpPr>
          <p:cNvPr id="9" name="Curved Connector 8">
            <a:extLst>
              <a:ext uri="{FF2B5EF4-FFF2-40B4-BE49-F238E27FC236}">
                <a16:creationId xmlns:a16="http://schemas.microsoft.com/office/drawing/2014/main" id="{E1D5E30D-E881-CDBD-681C-6748E9217EFF}"/>
              </a:ext>
            </a:extLst>
          </p:cNvPr>
          <p:cNvCxnSpPr>
            <a:cxnSpLocks/>
          </p:cNvCxnSpPr>
          <p:nvPr/>
        </p:nvCxnSpPr>
        <p:spPr>
          <a:xfrm rot="16200000" flipH="1">
            <a:off x="8341982" y="2566199"/>
            <a:ext cx="468752" cy="495198"/>
          </a:xfrm>
          <a:prstGeom prst="curvedConnector2">
            <a:avLst/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32" name="TextBox 31">
            <a:extLst>
              <a:ext uri="{FF2B5EF4-FFF2-40B4-BE49-F238E27FC236}">
                <a16:creationId xmlns:a16="http://schemas.microsoft.com/office/drawing/2014/main" id="{F5F716D5-0A23-7DEE-D8E9-F5156ADB7CC4}"/>
              </a:ext>
            </a:extLst>
          </p:cNvPr>
          <p:cNvSpPr txBox="1"/>
          <p:nvPr/>
        </p:nvSpPr>
        <p:spPr>
          <a:xfrm>
            <a:off x="426268" y="2128962"/>
            <a:ext cx="667440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fr-FR" sz="1200" dirty="0"/>
              <a:t>Vos équipes perdent du temps à</a:t>
            </a:r>
          </a:p>
        </p:txBody>
      </p:sp>
      <p:sp>
        <p:nvSpPr>
          <p:cNvPr id="35" name="TextBox 34">
            <a:extLst>
              <a:ext uri="{FF2B5EF4-FFF2-40B4-BE49-F238E27FC236}">
                <a16:creationId xmlns:a16="http://schemas.microsoft.com/office/drawing/2014/main" id="{095C1727-8A47-F868-8527-A01A17EA78B8}"/>
              </a:ext>
            </a:extLst>
          </p:cNvPr>
          <p:cNvSpPr txBox="1"/>
          <p:nvPr/>
        </p:nvSpPr>
        <p:spPr>
          <a:xfrm>
            <a:off x="2827718" y="2391917"/>
            <a:ext cx="4744389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fr-FR" sz="1200" b="1" dirty="0"/>
              <a:t>saisir plusieurs fois les mêmes données ? </a:t>
            </a:r>
          </a:p>
        </p:txBody>
      </p:sp>
      <p:sp>
        <p:nvSpPr>
          <p:cNvPr id="40" name="TextBox 39">
            <a:extLst>
              <a:ext uri="{FF2B5EF4-FFF2-40B4-BE49-F238E27FC236}">
                <a16:creationId xmlns:a16="http://schemas.microsoft.com/office/drawing/2014/main" id="{10854431-BEFD-F1CA-8DDA-486E1DAA4FB3}"/>
              </a:ext>
            </a:extLst>
          </p:cNvPr>
          <p:cNvSpPr txBox="1"/>
          <p:nvPr/>
        </p:nvSpPr>
        <p:spPr>
          <a:xfrm>
            <a:off x="2827718" y="2712716"/>
            <a:ext cx="6604686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fr-FR" sz="1200" b="1" dirty="0"/>
              <a:t>identifier les clients au bout du fil ? </a:t>
            </a:r>
          </a:p>
        </p:txBody>
      </p:sp>
      <p:sp>
        <p:nvSpPr>
          <p:cNvPr id="44" name="TextBox 43">
            <a:extLst>
              <a:ext uri="{FF2B5EF4-FFF2-40B4-BE49-F238E27FC236}">
                <a16:creationId xmlns:a16="http://schemas.microsoft.com/office/drawing/2014/main" id="{19439B33-60D9-31BB-F8F1-2D4FBD26D755}"/>
              </a:ext>
            </a:extLst>
          </p:cNvPr>
          <p:cNvSpPr txBox="1"/>
          <p:nvPr/>
        </p:nvSpPr>
        <p:spPr>
          <a:xfrm>
            <a:off x="2827718" y="2070208"/>
            <a:ext cx="3956092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fr-FR" sz="1200" b="1" dirty="0"/>
              <a:t>switcher entre leurs outils? </a:t>
            </a:r>
            <a:endParaRPr lang="en-FR" sz="1200" b="1" dirty="0"/>
          </a:p>
        </p:txBody>
      </p:sp>
      <p:sp>
        <p:nvSpPr>
          <p:cNvPr id="45" name="TextBox 44">
            <a:extLst>
              <a:ext uri="{FF2B5EF4-FFF2-40B4-BE49-F238E27FC236}">
                <a16:creationId xmlns:a16="http://schemas.microsoft.com/office/drawing/2014/main" id="{AE383B55-60BD-A8AF-A030-F664AA3D9F15}"/>
              </a:ext>
            </a:extLst>
          </p:cNvPr>
          <p:cNvSpPr txBox="1"/>
          <p:nvPr/>
        </p:nvSpPr>
        <p:spPr>
          <a:xfrm>
            <a:off x="426268" y="3763193"/>
            <a:ext cx="6457133" cy="18466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fr-FR" sz="2400" dirty="0"/>
              <a:t>Avec CRM Connect, améliorez votre </a:t>
            </a:r>
            <a:r>
              <a:rPr lang="fr-FR" sz="3200" b="1" dirty="0">
                <a:solidFill>
                  <a:schemeClr val="accent1"/>
                </a:solidFill>
              </a:rPr>
              <a:t>relation client</a:t>
            </a:r>
            <a:r>
              <a:rPr lang="fr-FR" sz="2400" dirty="0"/>
              <a:t>, augmentez votre</a:t>
            </a:r>
            <a:r>
              <a:rPr lang="fr-FR" sz="3200" dirty="0"/>
              <a:t> </a:t>
            </a:r>
            <a:r>
              <a:rPr lang="fr-FR" sz="3200" b="1" dirty="0">
                <a:solidFill>
                  <a:schemeClr val="accent1"/>
                </a:solidFill>
              </a:rPr>
              <a:t>efficience opérationnelle</a:t>
            </a:r>
            <a:r>
              <a:rPr lang="fr-FR" sz="2400" b="1" dirty="0">
                <a:solidFill>
                  <a:schemeClr val="accent1"/>
                </a:solidFill>
              </a:rPr>
              <a:t> </a:t>
            </a:r>
            <a:r>
              <a:rPr lang="fr-FR" sz="2400" dirty="0"/>
              <a:t>et boostez la </a:t>
            </a:r>
            <a:r>
              <a:rPr lang="fr-FR" sz="3200" b="1" dirty="0">
                <a:solidFill>
                  <a:schemeClr val="accent1"/>
                </a:solidFill>
              </a:rPr>
              <a:t>productivité</a:t>
            </a:r>
            <a:r>
              <a:rPr lang="fr-FR" sz="2400" dirty="0"/>
              <a:t> de vos équipes. </a:t>
            </a:r>
          </a:p>
        </p:txBody>
      </p:sp>
    </p:spTree>
    <p:extLst>
      <p:ext uri="{BB962C8B-B14F-4D97-AF65-F5344CB8AC3E}">
        <p14:creationId xmlns:p14="http://schemas.microsoft.com/office/powerpoint/2010/main" val="3047123320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 descr="A white outline of a cloud&#10;&#10;Description automatically generated">
            <a:extLst>
              <a:ext uri="{FF2B5EF4-FFF2-40B4-BE49-F238E27FC236}">
                <a16:creationId xmlns:a16="http://schemas.microsoft.com/office/drawing/2014/main" id="{1E527C07-2F54-06BF-4CE0-D91DFED62ECC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802" t="22233" r="16401" b="24389"/>
          <a:stretch/>
        </p:blipFill>
        <p:spPr>
          <a:xfrm>
            <a:off x="6797100" y="2674526"/>
            <a:ext cx="5191700" cy="3111500"/>
          </a:xfrm>
          <a:prstGeom prst="rect">
            <a:avLst/>
          </a:prstGeom>
        </p:spPr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D56661EE-A05F-3EA1-3DE0-3AF79BAACC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RELIEZ, RÉAGISSEZ, RENFORCEZ</a:t>
            </a:r>
            <a:endParaRPr lang="en-FR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07EB2E3-32FA-6ABB-42F3-AB6A5CCCC40B}"/>
              </a:ext>
            </a:extLst>
          </p:cNvPr>
          <p:cNvSpPr txBox="1"/>
          <p:nvPr/>
        </p:nvSpPr>
        <p:spPr>
          <a:xfrm>
            <a:off x="426268" y="1071974"/>
            <a:ext cx="11562532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CRM Connect*, la voix vers une expérience client supérieure, </a:t>
            </a:r>
          </a:p>
          <a:p>
            <a:pPr algn="l"/>
            <a:r>
              <a:rPr lang="fr-FR" sz="1400" dirty="0">
                <a:solidFill>
                  <a:schemeClr val="tx1"/>
                </a:solidFill>
                <a:latin typeface="+mn-lt"/>
              </a:rPr>
              <a:t>Luttez contre la multiplicité des outils</a:t>
            </a:r>
            <a:r>
              <a:rPr lang="fr-FR" sz="1400" dirty="0"/>
              <a:t>, et permettez aux collaborateurs de gagner en efficacité.</a:t>
            </a:r>
            <a:endParaRPr lang="fr-FR" sz="1400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1028" name="Picture 4" descr="Odoo Brand Assets | Odoo">
            <a:extLst>
              <a:ext uri="{FF2B5EF4-FFF2-40B4-BE49-F238E27FC236}">
                <a16:creationId xmlns:a16="http://schemas.microsoft.com/office/drawing/2014/main" id="{185B0F22-71EB-0E3E-1E92-B63E852C9C8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045883" y="3182647"/>
            <a:ext cx="537418" cy="1696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>
            <a:extLst>
              <a:ext uri="{FF2B5EF4-FFF2-40B4-BE49-F238E27FC236}">
                <a16:creationId xmlns:a16="http://schemas.microsoft.com/office/drawing/2014/main" id="{3F93CF73-ABBE-6AA0-40D9-3807F023CCE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03981" y="3614803"/>
            <a:ext cx="694496" cy="20183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6" name="Picture 12" descr="Intégrez la téléphonie d'ALLOcloud avec Freshdesk| Intégration">
            <a:extLst>
              <a:ext uri="{FF2B5EF4-FFF2-40B4-BE49-F238E27FC236}">
                <a16:creationId xmlns:a16="http://schemas.microsoft.com/office/drawing/2014/main" id="{7D69D488-9324-27F3-A4A8-DE62FBEEBA47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06220" y="3533133"/>
            <a:ext cx="694496" cy="69449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8" name="Picture 14">
            <a:extLst>
              <a:ext uri="{FF2B5EF4-FFF2-40B4-BE49-F238E27FC236}">
                <a16:creationId xmlns:a16="http://schemas.microsoft.com/office/drawing/2014/main" id="{922EA8C7-5261-E324-36E3-E450B378D6E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860869" y="4582411"/>
            <a:ext cx="516515" cy="1785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0" name="Picture 16" descr="Introduction to Apps in Upsales – Upsales Help Centre">
            <a:extLst>
              <a:ext uri="{FF2B5EF4-FFF2-40B4-BE49-F238E27FC236}">
                <a16:creationId xmlns:a16="http://schemas.microsoft.com/office/drawing/2014/main" id="{07CCD65E-E016-982C-8B51-EA04CF587478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679995" y="5075524"/>
            <a:ext cx="731777" cy="17856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48" name="Picture 24">
            <a:extLst>
              <a:ext uri="{FF2B5EF4-FFF2-40B4-BE49-F238E27FC236}">
                <a16:creationId xmlns:a16="http://schemas.microsoft.com/office/drawing/2014/main" id="{1CC6C11E-F2E0-6B97-EE33-D7A6921F838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787984" y="4690910"/>
            <a:ext cx="963733" cy="35763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0" name="Picture 26" descr="Download Zendesk Logo in SVG Vector or PNG File Format - Logo.wine">
            <a:extLst>
              <a:ext uri="{FF2B5EF4-FFF2-40B4-BE49-F238E27FC236}">
                <a16:creationId xmlns:a16="http://schemas.microsoft.com/office/drawing/2014/main" id="{B5F8A8A1-5B32-20D9-73E7-72B8EB76E1FE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411772" y="4918240"/>
            <a:ext cx="1003904" cy="66926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2" name="Picture 28">
            <a:extLst>
              <a:ext uri="{FF2B5EF4-FFF2-40B4-BE49-F238E27FC236}">
                <a16:creationId xmlns:a16="http://schemas.microsoft.com/office/drawing/2014/main" id="{094E0B96-7783-FD3B-AA1D-C70D0D2B84B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683840" y="4395808"/>
            <a:ext cx="673088" cy="47089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56" name="Picture 32" descr="Brand guidelines - Lime Technologies">
            <a:extLst>
              <a:ext uri="{FF2B5EF4-FFF2-40B4-BE49-F238E27FC236}">
                <a16:creationId xmlns:a16="http://schemas.microsoft.com/office/drawing/2014/main" id="{147D8F87-9098-03D0-B9C9-F87AA2628A6A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75444" y="4077905"/>
            <a:ext cx="959309" cy="430393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60" name="Picture 36">
            <a:extLst>
              <a:ext uri="{FF2B5EF4-FFF2-40B4-BE49-F238E27FC236}">
                <a16:creationId xmlns:a16="http://schemas.microsoft.com/office/drawing/2014/main" id="{06B81F82-25EF-FEAF-5A8B-112C54077D7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3">
            <a:extLst>
              <a:ext uri="{BEBA8EAE-BF5A-486C-A8C5-ECC9F3942E4B}">
                <a14:imgProps xmlns:a14="http://schemas.microsoft.com/office/drawing/2010/main">
                  <a14:imgLayer r:embed="rId14">
                    <a14:imgEffect>
                      <a14:backgroundRemoval t="10000" b="90000" l="2111" r="95333">
                        <a14:foregroundMark x1="5889" y1="50400" x2="6222" y2="46400"/>
                        <a14:foregroundMark x1="2333" y1="56200" x2="2333" y2="50800"/>
                        <a14:foregroundMark x1="23556" y1="52800" x2="23556" y2="51800"/>
                        <a14:foregroundMark x1="23889" y1="54800" x2="23889" y2="48800"/>
                        <a14:foregroundMark x1="23889" y1="48400" x2="24000" y2="41400"/>
                        <a14:foregroundMark x1="28889" y1="54600" x2="29111" y2="46400"/>
                        <a14:foregroundMark x1="36222" y1="48800" x2="39667" y2="48400"/>
                        <a14:foregroundMark x1="40667" y1="48800" x2="40667" y2="45600"/>
                        <a14:foregroundMark x1="34333" y1="47400" x2="34556" y2="45400"/>
                        <a14:foregroundMark x1="34444" y1="52000" x2="35444" y2="54400"/>
                        <a14:foregroundMark x1="44222" y1="46600" x2="47444" y2="48800"/>
                        <a14:foregroundMark x1="44000" y1="42800" x2="43444" y2="44400"/>
                        <a14:foregroundMark x1="44000" y1="55400" x2="47111" y2="55600"/>
                        <a14:foregroundMark x1="52000" y1="35000" x2="51889" y2="50800"/>
                        <a14:foregroundMark x1="54111" y1="42000" x2="57222" y2="41800"/>
                        <a14:foregroundMark x1="62000" y1="46800" x2="65556" y2="49600"/>
                        <a14:foregroundMark x1="69667" y1="49400" x2="72667" y2="47800"/>
                        <a14:foregroundMark x1="78556" y1="34600" x2="79000" y2="50400"/>
                        <a14:foregroundMark x1="83222" y1="48400" x2="87444" y2="48000"/>
                        <a14:foregroundMark x1="87444" y1="48000" x2="88333" y2="48000"/>
                        <a14:foregroundMark x1="92222" y1="42400" x2="94778" y2="41400"/>
                        <a14:foregroundMark x1="91667" y1="45600" x2="95333" y2="48400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469087" y="4508298"/>
            <a:ext cx="870203" cy="48344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62" name="Picture 38" descr="Logo TOPdesk - TOPdesk Marketplace">
            <a:extLst>
              <a:ext uri="{FF2B5EF4-FFF2-40B4-BE49-F238E27FC236}">
                <a16:creationId xmlns:a16="http://schemas.microsoft.com/office/drawing/2014/main" id="{43DC09E1-7CEC-72DA-3ECF-FAC3968AC53C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5">
            <a:extLst>
              <a:ext uri="{BEBA8EAE-BF5A-486C-A8C5-ECC9F3942E4B}">
                <a14:imgProps xmlns:a14="http://schemas.microsoft.com/office/drawing/2010/main">
                  <a14:imgLayer r:embed="rId16">
                    <a14:imgEffect>
                      <a14:backgroundRemoval t="9464" b="89590" l="452" r="94128">
                        <a14:foregroundMark x1="4697" y1="35331" x2="10569" y2="49211"/>
                        <a14:foregroundMark x1="10569" y1="49211" x2="11111" y2="52681"/>
                        <a14:foregroundMark x1="542" y1="73502" x2="2078" y2="74448"/>
                        <a14:foregroundMark x1="22493" y1="34700" x2="25384" y2="35331"/>
                        <a14:foregroundMark x1="24029" y1="70662" x2="23848" y2="41956"/>
                        <a14:foregroundMark x1="23848" y1="41956" x2="24029" y2="38170"/>
                        <a14:foregroundMark x1="32159" y1="69716" x2="31165" y2="55836"/>
                        <a14:foregroundMark x1="31165" y1="55836" x2="31707" y2="41009"/>
                        <a14:foregroundMark x1="31707" y1="41009" x2="36043" y2="34385"/>
                        <a14:foregroundMark x1="38211" y1="35962" x2="41283" y2="46688"/>
                        <a14:foregroundMark x1="41283" y1="46688" x2="41554" y2="61199"/>
                        <a14:foregroundMark x1="41554" y1="61199" x2="38844" y2="73502"/>
                        <a14:foregroundMark x1="38844" y1="73502" x2="34959" y2="76025"/>
                        <a14:foregroundMark x1="34959" y1="76025" x2="32701" y2="73817"/>
                        <a14:foregroundMark x1="45348" y1="36593" x2="45438" y2="74763"/>
                        <a14:foregroundMark x1="63505" y1="35962" x2="63866" y2="74132"/>
                        <a14:foregroundMark x1="68835" y1="55836" x2="68835" y2="55836"/>
                        <a14:foregroundMark x1="68383" y1="52050" x2="67931" y2="66562"/>
                        <a14:foregroundMark x1="67931" y1="66562" x2="69648" y2="73502"/>
                        <a14:foregroundMark x1="79584" y1="56467" x2="81933" y2="62145"/>
                        <a14:foregroundMark x1="88708" y1="35962" x2="88618" y2="70347"/>
                        <a14:foregroundMark x1="92141" y1="57098" x2="94128" y2="47634"/>
                      </a14:backgroundRemoval>
                    </a14:imgEffect>
                  </a14:imgLayer>
                </a14:imgProps>
              </a:ex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127894" y="4474822"/>
            <a:ext cx="754686" cy="216088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64" name="Picture 40">
            <a:extLst>
              <a:ext uri="{FF2B5EF4-FFF2-40B4-BE49-F238E27FC236}">
                <a16:creationId xmlns:a16="http://schemas.microsoft.com/office/drawing/2014/main" id="{F2552EE5-EBC4-F4D0-53BE-9DEC1380F751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996830" y="4171294"/>
            <a:ext cx="1240885" cy="31382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66" name="Picture 42">
            <a:extLst>
              <a:ext uri="{FF2B5EF4-FFF2-40B4-BE49-F238E27FC236}">
                <a16:creationId xmlns:a16="http://schemas.microsoft.com/office/drawing/2014/main" id="{4AA08888-5534-B949-9DA8-55D5322CE26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52915" y="3993305"/>
            <a:ext cx="1120503" cy="270059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68" name="Picture 44" descr="AFAS Software - Témoignage client | Leaseweb">
            <a:extLst>
              <a:ext uri="{FF2B5EF4-FFF2-40B4-BE49-F238E27FC236}">
                <a16:creationId xmlns:a16="http://schemas.microsoft.com/office/drawing/2014/main" id="{6C533F02-EDFD-B353-BA72-BCE2CF35C7A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1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105171" y="3652349"/>
            <a:ext cx="493894" cy="226726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12" name="TextBox 11">
            <a:extLst>
              <a:ext uri="{FF2B5EF4-FFF2-40B4-BE49-F238E27FC236}">
                <a16:creationId xmlns:a16="http://schemas.microsoft.com/office/drawing/2014/main" id="{495339B4-B56D-1E9E-AE16-B5FF757968BC}"/>
              </a:ext>
            </a:extLst>
          </p:cNvPr>
          <p:cNvSpPr txBox="1"/>
          <p:nvPr/>
        </p:nvSpPr>
        <p:spPr>
          <a:xfrm>
            <a:off x="10274496" y="2763506"/>
            <a:ext cx="171430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1200" b="1" i="1" dirty="0"/>
              <a:t>Liste des CRM certifiés </a:t>
            </a:r>
          </a:p>
        </p:txBody>
      </p:sp>
      <p:cxnSp>
        <p:nvCxnSpPr>
          <p:cNvPr id="14" name="Curved Connector 13">
            <a:extLst>
              <a:ext uri="{FF2B5EF4-FFF2-40B4-BE49-F238E27FC236}">
                <a16:creationId xmlns:a16="http://schemas.microsoft.com/office/drawing/2014/main" id="{27BAD2CE-0D28-0278-9F9E-BE0A0C33D5DA}"/>
              </a:ext>
            </a:extLst>
          </p:cNvPr>
          <p:cNvCxnSpPr>
            <a:cxnSpLocks/>
          </p:cNvCxnSpPr>
          <p:nvPr/>
        </p:nvCxnSpPr>
        <p:spPr>
          <a:xfrm rot="5400000">
            <a:off x="10845309" y="3019453"/>
            <a:ext cx="270992" cy="270245"/>
          </a:xfrm>
          <a:prstGeom prst="curvedConnector2">
            <a:avLst/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8" name="Picture 17" descr="A person wearing a headset and typing on a keyboard&#10;&#10;Description automatically generated">
            <a:extLst>
              <a:ext uri="{FF2B5EF4-FFF2-40B4-BE49-F238E27FC236}">
                <a16:creationId xmlns:a16="http://schemas.microsoft.com/office/drawing/2014/main" id="{ED0B1A39-BCC3-F222-F5EF-9B35CF5789FA}"/>
              </a:ext>
            </a:extLst>
          </p:cNvPr>
          <p:cNvPicPr>
            <a:picLocks noChangeAspect="1"/>
          </p:cNvPicPr>
          <p:nvPr/>
        </p:nvPicPr>
        <p:blipFill rotWithShape="1">
          <a:blip r:embed="rId2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930" t="4292" r="42622" b="24193"/>
          <a:stretch/>
        </p:blipFill>
        <p:spPr>
          <a:xfrm>
            <a:off x="-212028" y="1277734"/>
            <a:ext cx="4207911" cy="5579940"/>
          </a:xfrm>
          <a:prstGeom prst="rect">
            <a:avLst/>
          </a:prstGeom>
        </p:spPr>
      </p:pic>
      <p:sp>
        <p:nvSpPr>
          <p:cNvPr id="19" name="Rounded Rectangle 18">
            <a:extLst>
              <a:ext uri="{FF2B5EF4-FFF2-40B4-BE49-F238E27FC236}">
                <a16:creationId xmlns:a16="http://schemas.microsoft.com/office/drawing/2014/main" id="{983AA908-476B-1A0D-ED7C-A86B6F35D73E}"/>
              </a:ext>
            </a:extLst>
          </p:cNvPr>
          <p:cNvSpPr/>
          <p:nvPr/>
        </p:nvSpPr>
        <p:spPr>
          <a:xfrm>
            <a:off x="4011201" y="3019079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/>
              <a:t>Fenêtre « pop-up » intuitive</a:t>
            </a:r>
          </a:p>
        </p:txBody>
      </p:sp>
      <p:sp>
        <p:nvSpPr>
          <p:cNvPr id="20" name="Rounded Rectangle 19">
            <a:extLst>
              <a:ext uri="{FF2B5EF4-FFF2-40B4-BE49-F238E27FC236}">
                <a16:creationId xmlns:a16="http://schemas.microsoft.com/office/drawing/2014/main" id="{C147DE0F-11D6-DCB8-2DD5-9EEB1F233650}"/>
              </a:ext>
            </a:extLst>
          </p:cNvPr>
          <p:cNvSpPr/>
          <p:nvPr/>
        </p:nvSpPr>
        <p:spPr>
          <a:xfrm>
            <a:off x="4012511" y="3596018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Remontée de fiche clients</a:t>
            </a:r>
          </a:p>
        </p:txBody>
      </p:sp>
      <p:sp>
        <p:nvSpPr>
          <p:cNvPr id="21" name="Rounded Rectangle 20">
            <a:extLst>
              <a:ext uri="{FF2B5EF4-FFF2-40B4-BE49-F238E27FC236}">
                <a16:creationId xmlns:a16="http://schemas.microsoft.com/office/drawing/2014/main" id="{5D90A608-676C-79DC-5919-759570DF6A7C}"/>
              </a:ext>
            </a:extLst>
          </p:cNvPr>
          <p:cNvSpPr/>
          <p:nvPr/>
        </p:nvSpPr>
        <p:spPr>
          <a:xfrm>
            <a:off x="4011201" y="4173397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Accès au contenu du CRM </a:t>
            </a:r>
          </a:p>
        </p:txBody>
      </p:sp>
      <p:sp>
        <p:nvSpPr>
          <p:cNvPr id="22" name="Rounded Rectangle 21">
            <a:extLst>
              <a:ext uri="{FF2B5EF4-FFF2-40B4-BE49-F238E27FC236}">
                <a16:creationId xmlns:a16="http://schemas.microsoft.com/office/drawing/2014/main" id="{B5F31348-97A1-3C09-72F7-0ED74E96BEBD}"/>
              </a:ext>
            </a:extLst>
          </p:cNvPr>
          <p:cNvSpPr/>
          <p:nvPr/>
        </p:nvSpPr>
        <p:spPr>
          <a:xfrm>
            <a:off x="4011201" y="4746368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Recherche de contacts </a:t>
            </a:r>
          </a:p>
        </p:txBody>
      </p:sp>
      <p:sp>
        <p:nvSpPr>
          <p:cNvPr id="23" name="Rounded Rectangle 22">
            <a:extLst>
              <a:ext uri="{FF2B5EF4-FFF2-40B4-BE49-F238E27FC236}">
                <a16:creationId xmlns:a16="http://schemas.microsoft.com/office/drawing/2014/main" id="{871952FB-331C-EC1B-7F0B-E41C87516333}"/>
              </a:ext>
            </a:extLst>
          </p:cNvPr>
          <p:cNvSpPr/>
          <p:nvPr/>
        </p:nvSpPr>
        <p:spPr>
          <a:xfrm>
            <a:off x="4011201" y="5319339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r>
              <a:rPr lang="fr-FR" sz="1000" b="1" dirty="0">
                <a:solidFill>
                  <a:schemeClr val="bg1"/>
                </a:solidFill>
              </a:rPr>
              <a:t>Personnalisation des actions en fonction du besoin </a:t>
            </a:r>
          </a:p>
        </p:txBody>
      </p:sp>
    </p:spTree>
    <p:extLst>
      <p:ext uri="{BB962C8B-B14F-4D97-AF65-F5344CB8AC3E}">
        <p14:creationId xmlns:p14="http://schemas.microsoft.com/office/powerpoint/2010/main" val="2248342240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6661EE-A05F-3EA1-3DE0-3AF79BAACC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FR" dirty="0"/>
              <a:t>ENRICHISSEZ L’EXPÉRIENCE DE VOS CLIENT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07EB2E3-32FA-6ABB-42F3-AB6A5CCCC40B}"/>
              </a:ext>
            </a:extLst>
          </p:cNvPr>
          <p:cNvSpPr txBox="1"/>
          <p:nvPr/>
        </p:nvSpPr>
        <p:spPr>
          <a:xfrm>
            <a:off x="426268" y="1060390"/>
            <a:ext cx="11562532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Unifiez vos voix, fortifiez vos choix, </a:t>
            </a:r>
          </a:p>
          <a:p>
            <a:pPr algn="l"/>
            <a:r>
              <a:rPr lang="fr-FR" sz="1400" dirty="0">
                <a:solidFill>
                  <a:schemeClr val="tx1"/>
                </a:solidFill>
                <a:latin typeface="+mn-lt"/>
              </a:rPr>
              <a:t>Créez et paramétrez vos groupements et SVI pour assure l’accueil téléphonique de vos clients.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585F35AF-8BCE-6DFC-C688-94B8A2DF1070}"/>
              </a:ext>
            </a:extLst>
          </p:cNvPr>
          <p:cNvSpPr/>
          <p:nvPr/>
        </p:nvSpPr>
        <p:spPr>
          <a:xfrm>
            <a:off x="-1200" y="2365888"/>
            <a:ext cx="12192000" cy="4492112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FR" noProof="0" dirty="0" err="1"/>
          </a:p>
        </p:txBody>
      </p:sp>
      <p:pic>
        <p:nvPicPr>
          <p:cNvPr id="16" name="Picture 15" descr="A computer monitor and a phone&#10;&#10;Description automatically generated with medium confidence">
            <a:extLst>
              <a:ext uri="{FF2B5EF4-FFF2-40B4-BE49-F238E27FC236}">
                <a16:creationId xmlns:a16="http://schemas.microsoft.com/office/drawing/2014/main" id="{3E727865-ACDB-ABA6-E1DD-D3CB3B341873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368070" y="3429000"/>
            <a:ext cx="5678927" cy="3707077"/>
          </a:xfrm>
          <a:prstGeom prst="rect">
            <a:avLst/>
          </a:prstGeom>
        </p:spPr>
      </p:pic>
      <p:sp>
        <p:nvSpPr>
          <p:cNvPr id="22" name="ZoneTexte 29">
            <a:extLst>
              <a:ext uri="{FF2B5EF4-FFF2-40B4-BE49-F238E27FC236}">
                <a16:creationId xmlns:a16="http://schemas.microsoft.com/office/drawing/2014/main" id="{D99630E6-D8C2-09D3-22B9-ECE63410A7A9}"/>
              </a:ext>
            </a:extLst>
          </p:cNvPr>
          <p:cNvSpPr txBox="1"/>
          <p:nvPr/>
        </p:nvSpPr>
        <p:spPr>
          <a:xfrm>
            <a:off x="184484" y="3902518"/>
            <a:ext cx="3854834" cy="2730106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Prédécroché ou annonce d’accueil selon des heures d’ouvertures, fermetures et spéciaux </a:t>
            </a:r>
          </a:p>
          <a:p>
            <a:pPr marL="171450" marR="0" lvl="0" indent="-17145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Nombre de personnes illimité dans le groupement</a:t>
            </a:r>
          </a:p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Annonce de la position dans la file d’attente</a:t>
            </a:r>
          </a:p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Annonce du temps d’attente</a:t>
            </a:r>
          </a:p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Personnalisation du nombre de personnes </a:t>
            </a:r>
            <a:r>
              <a:rPr lang="fr-FR" sz="1050" b="1" dirty="0">
                <a:solidFill>
                  <a:schemeClr val="bg1"/>
                </a:solidFill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en </a:t>
            </a: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attente</a:t>
            </a:r>
          </a:p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Proposer un rappel </a:t>
            </a:r>
          </a:p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Choix du terminal à faire sonner quand l’appel est destiné </a:t>
            </a:r>
          </a:p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Priorisation de la distribution par agent </a:t>
            </a:r>
          </a:p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  <a:defRPr/>
            </a:pPr>
            <a:r>
              <a:rPr lang="fr-FR" sz="1050" b="1" dirty="0">
                <a:solidFill>
                  <a:schemeClr val="bg1"/>
                </a:solidFill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Répondeur de groupe</a:t>
            </a:r>
            <a:endParaRPr kumimoji="0" lang="fr-FR" sz="105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Dstny Body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28" name="ZoneTexte 29">
            <a:extLst>
              <a:ext uri="{FF2B5EF4-FFF2-40B4-BE49-F238E27FC236}">
                <a16:creationId xmlns:a16="http://schemas.microsoft.com/office/drawing/2014/main" id="{B4557384-4729-BB8A-2185-2621922A098A}"/>
              </a:ext>
            </a:extLst>
          </p:cNvPr>
          <p:cNvSpPr txBox="1"/>
          <p:nvPr/>
        </p:nvSpPr>
        <p:spPr>
          <a:xfrm>
            <a:off x="8298464" y="3902518"/>
            <a:ext cx="3854834" cy="176061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171450" indent="-171450">
              <a:lnSpc>
                <a:spcPct val="150000"/>
              </a:lnSpc>
              <a:buFont typeface="Arial" panose="020B0604020202020204" pitchFamily="34" charset="0"/>
              <a:buChar char="•"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Routage d’appels selon choix (numéro interne, externe, extension spécifique, répondeur de groupe, annonce vocale, répétition)</a:t>
            </a:r>
          </a:p>
          <a:p>
            <a:pPr marL="171450" marR="0" lvl="0" indent="-171450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Redirection par défaut si aucun choix n’a été sélectionné</a:t>
            </a:r>
          </a:p>
          <a:p>
            <a:pPr marL="171450" marR="0" lvl="0" indent="-171450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Répétition des options si le choix n’est pas valide </a:t>
            </a:r>
          </a:p>
          <a:p>
            <a:pPr marL="171450" marR="0" lvl="0" indent="-171450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Char char="•"/>
              <a:tabLst/>
              <a:defRPr/>
            </a:pPr>
            <a:r>
              <a:rPr lang="fr-FR" sz="1050" b="1" dirty="0">
                <a:solidFill>
                  <a:schemeClr val="bg1"/>
                </a:solidFill>
                <a:latin typeface="Dstny Body"/>
                <a:ea typeface="Calibri" panose="020F0502020204030204" pitchFamily="34" charset="0"/>
                <a:cs typeface="Times New Roman" panose="02020603050405020304" pitchFamily="18" charset="0"/>
              </a:rPr>
              <a:t>Annonce d’accueil selon horaires </a:t>
            </a:r>
            <a:endParaRPr kumimoji="0" lang="fr-FR" sz="105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Dstny Body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41" name="TextBox 40">
            <a:extLst>
              <a:ext uri="{FF2B5EF4-FFF2-40B4-BE49-F238E27FC236}">
                <a16:creationId xmlns:a16="http://schemas.microsoft.com/office/drawing/2014/main" id="{898598CE-DCBC-CB15-A86F-FBB57B98B56A}"/>
              </a:ext>
            </a:extLst>
          </p:cNvPr>
          <p:cNvSpPr txBox="1"/>
          <p:nvPr/>
        </p:nvSpPr>
        <p:spPr>
          <a:xfrm>
            <a:off x="407066" y="3697443"/>
            <a:ext cx="3632252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1400" b="1" dirty="0"/>
              <a:t>Groupements d’appels</a:t>
            </a:r>
          </a:p>
        </p:txBody>
      </p:sp>
      <p:sp>
        <p:nvSpPr>
          <p:cNvPr id="51" name="TextBox 50">
            <a:extLst>
              <a:ext uri="{FF2B5EF4-FFF2-40B4-BE49-F238E27FC236}">
                <a16:creationId xmlns:a16="http://schemas.microsoft.com/office/drawing/2014/main" id="{B753F7B8-EEDC-3250-A05A-1654DFC2D634}"/>
              </a:ext>
            </a:extLst>
          </p:cNvPr>
          <p:cNvSpPr txBox="1"/>
          <p:nvPr/>
        </p:nvSpPr>
        <p:spPr>
          <a:xfrm>
            <a:off x="8539882" y="3692140"/>
            <a:ext cx="2024376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1400" b="1" dirty="0"/>
              <a:t>Serveur Vocal Intéractif </a:t>
            </a:r>
          </a:p>
        </p:txBody>
      </p:sp>
      <p:sp>
        <p:nvSpPr>
          <p:cNvPr id="53" name="TextBox 52">
            <a:extLst>
              <a:ext uri="{FF2B5EF4-FFF2-40B4-BE49-F238E27FC236}">
                <a16:creationId xmlns:a16="http://schemas.microsoft.com/office/drawing/2014/main" id="{91112508-8221-595C-D0A9-75BAAB32D9A5}"/>
              </a:ext>
            </a:extLst>
          </p:cNvPr>
          <p:cNvSpPr txBox="1"/>
          <p:nvPr/>
        </p:nvSpPr>
        <p:spPr>
          <a:xfrm>
            <a:off x="407066" y="2545526"/>
            <a:ext cx="11562532" cy="96167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fr-FR" sz="2000" b="1" dirty="0">
                <a:solidFill>
                  <a:schemeClr val="bg1"/>
                </a:solidFill>
              </a:rPr>
              <a:t>Lancez-vous ! </a:t>
            </a:r>
          </a:p>
          <a:p>
            <a:pPr>
              <a:lnSpc>
                <a:spcPct val="150000"/>
              </a:lnSpc>
            </a:pPr>
            <a:r>
              <a:rPr lang="fr-FR" sz="2000" b="1" dirty="0">
                <a:solidFill>
                  <a:schemeClr val="bg1"/>
                </a:solidFill>
              </a:rPr>
              <a:t>Avec la Solution MBCaaS, le premier groupement et SVI vous est offert. </a:t>
            </a:r>
          </a:p>
        </p:txBody>
      </p:sp>
    </p:spTree>
    <p:extLst>
      <p:ext uri="{BB962C8B-B14F-4D97-AF65-F5344CB8AC3E}">
        <p14:creationId xmlns:p14="http://schemas.microsoft.com/office/powerpoint/2010/main" val="46031160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D56661EE-A05F-3EA1-3DE0-3AF79BAACC1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FR" dirty="0"/>
              <a:t>SIMPLIFIEZ VOTRE GESTION AVEC MYADMIN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C07EB2E3-32FA-6ABB-42F3-AB6A5CCCC40B}"/>
              </a:ext>
            </a:extLst>
          </p:cNvPr>
          <p:cNvSpPr txBox="1"/>
          <p:nvPr/>
        </p:nvSpPr>
        <p:spPr>
          <a:xfrm>
            <a:off x="426268" y="1060390"/>
            <a:ext cx="11562532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Pensé pour être simple et intuitif,</a:t>
            </a:r>
          </a:p>
          <a:p>
            <a:pPr algn="l"/>
            <a:r>
              <a:rPr lang="fr-FR" sz="1400" dirty="0"/>
              <a:t>Administrez et managez en quelques clics.</a:t>
            </a:r>
            <a:endParaRPr lang="fr-FR" sz="1400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4" name="Picture 3" descr="A computer screen with a person's profile&#10;&#10;Description automatically generated">
            <a:extLst>
              <a:ext uri="{FF2B5EF4-FFF2-40B4-BE49-F238E27FC236}">
                <a16:creationId xmlns:a16="http://schemas.microsoft.com/office/drawing/2014/main" id="{C2EE4268-9094-DD7F-7F0A-4A01B2A12755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301" t="14622" r="17974" b="15225"/>
          <a:stretch/>
        </p:blipFill>
        <p:spPr>
          <a:xfrm>
            <a:off x="6812732" y="2785268"/>
            <a:ext cx="4953000" cy="4089400"/>
          </a:xfrm>
          <a:prstGeom prst="rect">
            <a:avLst/>
          </a:prstGeom>
        </p:spPr>
      </p:pic>
      <p:sp>
        <p:nvSpPr>
          <p:cNvPr id="7" name="Title 9">
            <a:extLst>
              <a:ext uri="{FF2B5EF4-FFF2-40B4-BE49-F238E27FC236}">
                <a16:creationId xmlns:a16="http://schemas.microsoft.com/office/drawing/2014/main" id="{E1923FD2-9E5D-30AA-33C8-5727CBFF1F77}"/>
              </a:ext>
            </a:extLst>
          </p:cNvPr>
          <p:cNvSpPr txBox="1">
            <a:spLocks/>
          </p:cNvSpPr>
          <p:nvPr/>
        </p:nvSpPr>
        <p:spPr>
          <a:xfrm>
            <a:off x="426267" y="2524527"/>
            <a:ext cx="5363889" cy="1005384"/>
          </a:xfrm>
          <a:prstGeom prst="rect">
            <a:avLst/>
          </a:prstGeom>
        </p:spPr>
        <p:txBody>
          <a:bodyPr/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Inter" panose="02000503000000020004" pitchFamily="2" charset="0"/>
                <a:cs typeface="+mj-cs"/>
              </a:rPr>
              <a:t>Elaboré pour vous apporter </a:t>
            </a:r>
            <a:r>
              <a:rPr kumimoji="0" lang="fr-FR" sz="1200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Inter" panose="02000503000000020004" pitchFamily="2" charset="0"/>
                <a:cs typeface="+mj-cs"/>
              </a:rPr>
              <a:t>simplicité et efficacité</a:t>
            </a:r>
            <a:r>
              <a:rPr kumimoji="0" lang="fr-FR" sz="1200" b="0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latin typeface="+mn-lt"/>
                <a:ea typeface="Inter" panose="02000503000000020004" pitchFamily="2" charset="0"/>
                <a:cs typeface="+mj-cs"/>
              </a:rPr>
              <a:t>, le portail de management MyAdmin est une interface en ligne, regroupant tous les utilisateurs de votre entreprise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2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Inter" panose="02000503000000020004" pitchFamily="2" charset="0"/>
              <a:cs typeface="+mj-cs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1200" dirty="0">
                <a:latin typeface="+mn-lt"/>
                <a:ea typeface="Inter" panose="02000503000000020004" pitchFamily="2" charset="0"/>
              </a:rPr>
              <a:t>Manager en quelques clics et en temps réel </a:t>
            </a:r>
            <a:r>
              <a:rPr lang="fr-FR" sz="1200" b="0" dirty="0">
                <a:latin typeface="+mn-lt"/>
                <a:ea typeface="Inter" panose="02000503000000020004" pitchFamily="2" charset="0"/>
              </a:rPr>
              <a:t>l’activation ou la résiliation de vos utilisateurs, et services. </a:t>
            </a: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lang="fr-FR" sz="1200" b="0" dirty="0">
              <a:latin typeface="+mn-lt"/>
              <a:ea typeface="Inter" panose="02000503000000020004" pitchFamily="2" charset="0"/>
            </a:endParaRPr>
          </a:p>
          <a:p>
            <a:pPr marL="0" marR="0" lvl="0" indent="0" algn="just" defTabSz="914400" rtl="0" eaLnBrk="1" fontAlgn="auto" latinLnBrk="0" hangingPunct="1">
              <a:lnSpc>
                <a:spcPct val="100000"/>
              </a:lnSpc>
              <a:spcBef>
                <a:spcPct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1200" b="0" dirty="0">
                <a:latin typeface="+mn-lt"/>
                <a:ea typeface="Inter" panose="02000503000000020004" pitchFamily="2" charset="0"/>
              </a:rPr>
              <a:t>Le «</a:t>
            </a:r>
            <a:r>
              <a:rPr lang="fr-FR" sz="1200" b="0" i="1" dirty="0">
                <a:latin typeface="+mn-lt"/>
                <a:ea typeface="Inter" panose="02000503000000020004" pitchFamily="2" charset="0"/>
              </a:rPr>
              <a:t> </a:t>
            </a:r>
            <a:r>
              <a:rPr lang="fr-FR" sz="1200" dirty="0">
                <a:latin typeface="+mn-lt"/>
                <a:ea typeface="Inter" panose="02000503000000020004" pitchFamily="2" charset="0"/>
              </a:rPr>
              <a:t>move &amp; change </a:t>
            </a:r>
            <a:r>
              <a:rPr lang="fr-FR" sz="1200" b="0" dirty="0">
                <a:latin typeface="+mn-lt"/>
                <a:ea typeface="Inter" panose="02000503000000020004" pitchFamily="2" charset="0"/>
              </a:rPr>
              <a:t>» n’a jamais été plus facile à gérer ! </a:t>
            </a:r>
            <a:endParaRPr kumimoji="0" lang="fr-FR" sz="1200" b="0" i="0" u="none" strike="noStrike" kern="1200" cap="none" spc="0" normalizeH="0" baseline="0" noProof="0" dirty="0">
              <a:ln>
                <a:noFill/>
              </a:ln>
              <a:effectLst/>
              <a:uLnTx/>
              <a:uFillTx/>
              <a:latin typeface="+mn-lt"/>
              <a:ea typeface="Inter" panose="02000503000000020004" pitchFamily="2" charset="0"/>
              <a:cs typeface="+mj-cs"/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DBDE908D-CA68-4FD4-0518-6EEE6F3F97E5}"/>
              </a:ext>
            </a:extLst>
          </p:cNvPr>
          <p:cNvSpPr/>
          <p:nvPr/>
        </p:nvSpPr>
        <p:spPr>
          <a:xfrm>
            <a:off x="426267" y="4382805"/>
            <a:ext cx="4600314" cy="255693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t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>
                    <a:lumMod val="75000"/>
                    <a:lumOff val="25000"/>
                  </a:srgbClr>
                </a:solidFill>
                <a:effectLst/>
                <a:uLnTx/>
                <a:uFillTx/>
                <a:ea typeface="Inter" panose="02000503000000020004" pitchFamily="2" charset="0"/>
                <a:cs typeface="Dstny Body"/>
              </a:rPr>
              <a:t>Créez et activez: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600" b="0" i="0" u="none" strike="noStrike" kern="1200" cap="none" spc="0" normalizeH="0" baseline="0" noProof="0" dirty="0">
              <a:ln>
                <a:noFill/>
              </a:ln>
              <a:solidFill>
                <a:srgbClr val="000000">
                  <a:lumMod val="75000"/>
                  <a:lumOff val="25000"/>
                </a:srgbClr>
              </a:solidFill>
              <a:effectLst/>
              <a:uLnTx/>
              <a:uFillTx/>
              <a:ea typeface="Inter" panose="02000503000000020004" pitchFamily="2" charset="0"/>
              <a:cs typeface="Dstny Body"/>
            </a:endParaRPr>
          </a:p>
        </p:txBody>
      </p:sp>
      <p:sp>
        <p:nvSpPr>
          <p:cNvPr id="12" name="Rounded Rectangle 11">
            <a:extLst>
              <a:ext uri="{FF2B5EF4-FFF2-40B4-BE49-F238E27FC236}">
                <a16:creationId xmlns:a16="http://schemas.microsoft.com/office/drawing/2014/main" id="{368975DD-E77E-C698-B5B0-B54592161D78}"/>
              </a:ext>
            </a:extLst>
          </p:cNvPr>
          <p:cNvSpPr/>
          <p:nvPr/>
        </p:nvSpPr>
        <p:spPr>
          <a:xfrm>
            <a:off x="426268" y="4813107"/>
            <a:ext cx="1244601" cy="434971"/>
          </a:xfrm>
          <a:prstGeom prst="roundRect">
            <a:avLst/>
          </a:prstGeom>
          <a:solidFill>
            <a:schemeClr val="bg1"/>
          </a:solidFill>
          <a:ln w="12700">
            <a:solidFill>
              <a:schemeClr val="accent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tx1"/>
                </a:solidFill>
              </a:rPr>
              <a:t>Utilisateurs</a:t>
            </a:r>
          </a:p>
        </p:txBody>
      </p:sp>
      <p:sp>
        <p:nvSpPr>
          <p:cNvPr id="15" name="Rounded Rectangle 14">
            <a:extLst>
              <a:ext uri="{FF2B5EF4-FFF2-40B4-BE49-F238E27FC236}">
                <a16:creationId xmlns:a16="http://schemas.microsoft.com/office/drawing/2014/main" id="{7289D086-81C1-A3E4-F072-EC93F4516A03}"/>
              </a:ext>
            </a:extLst>
          </p:cNvPr>
          <p:cNvSpPr/>
          <p:nvPr/>
        </p:nvSpPr>
        <p:spPr>
          <a:xfrm>
            <a:off x="1962969" y="4812247"/>
            <a:ext cx="1244601" cy="434971"/>
          </a:xfrm>
          <a:prstGeom prst="roundRect">
            <a:avLst/>
          </a:prstGeom>
          <a:solidFill>
            <a:schemeClr val="bg1"/>
          </a:solidFill>
          <a:ln w="12700">
            <a:solidFill>
              <a:schemeClr val="accent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tx1"/>
                </a:solidFill>
              </a:rPr>
              <a:t>Licences </a:t>
            </a:r>
          </a:p>
        </p:txBody>
      </p:sp>
      <p:sp>
        <p:nvSpPr>
          <p:cNvPr id="16" name="Rounded Rectangle 15">
            <a:extLst>
              <a:ext uri="{FF2B5EF4-FFF2-40B4-BE49-F238E27FC236}">
                <a16:creationId xmlns:a16="http://schemas.microsoft.com/office/drawing/2014/main" id="{40160948-13B9-93F7-1DB0-1D5DECD0EBD6}"/>
              </a:ext>
            </a:extLst>
          </p:cNvPr>
          <p:cNvSpPr/>
          <p:nvPr/>
        </p:nvSpPr>
        <p:spPr>
          <a:xfrm>
            <a:off x="3457020" y="4812246"/>
            <a:ext cx="1244601" cy="434971"/>
          </a:xfrm>
          <a:prstGeom prst="roundRect">
            <a:avLst/>
          </a:prstGeom>
          <a:solidFill>
            <a:schemeClr val="bg1"/>
          </a:solidFill>
          <a:ln w="12700">
            <a:solidFill>
              <a:schemeClr val="accent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tx1"/>
                </a:solidFill>
              </a:rPr>
              <a:t>Mobile convergent</a:t>
            </a:r>
          </a:p>
        </p:txBody>
      </p:sp>
      <p:sp>
        <p:nvSpPr>
          <p:cNvPr id="17" name="Rounded Rectangle 16">
            <a:extLst>
              <a:ext uri="{FF2B5EF4-FFF2-40B4-BE49-F238E27FC236}">
                <a16:creationId xmlns:a16="http://schemas.microsoft.com/office/drawing/2014/main" id="{A5409C19-93AB-9AB2-0309-A9BEB89CFF53}"/>
              </a:ext>
            </a:extLst>
          </p:cNvPr>
          <p:cNvSpPr/>
          <p:nvPr/>
        </p:nvSpPr>
        <p:spPr>
          <a:xfrm>
            <a:off x="426268" y="5420966"/>
            <a:ext cx="1244601" cy="434971"/>
          </a:xfrm>
          <a:prstGeom prst="roundRect">
            <a:avLst/>
          </a:prstGeom>
          <a:solidFill>
            <a:schemeClr val="bg1"/>
          </a:solidFill>
          <a:ln w="12700">
            <a:solidFill>
              <a:schemeClr val="accent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tx1"/>
                </a:solidFill>
              </a:rPr>
              <a:t>Options utilisateur </a:t>
            </a:r>
          </a:p>
        </p:txBody>
      </p:sp>
      <p:sp>
        <p:nvSpPr>
          <p:cNvPr id="19" name="Rounded Rectangle 18">
            <a:extLst>
              <a:ext uri="{FF2B5EF4-FFF2-40B4-BE49-F238E27FC236}">
                <a16:creationId xmlns:a16="http://schemas.microsoft.com/office/drawing/2014/main" id="{220B2DEA-E9F1-390D-80FC-7C50047A75DD}"/>
              </a:ext>
            </a:extLst>
          </p:cNvPr>
          <p:cNvSpPr/>
          <p:nvPr/>
        </p:nvSpPr>
        <p:spPr>
          <a:xfrm>
            <a:off x="1962969" y="5420967"/>
            <a:ext cx="1244601" cy="434971"/>
          </a:xfrm>
          <a:prstGeom prst="roundRect">
            <a:avLst/>
          </a:prstGeom>
          <a:solidFill>
            <a:schemeClr val="bg1"/>
          </a:solidFill>
          <a:ln w="12700">
            <a:solidFill>
              <a:schemeClr val="accent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tx1"/>
                </a:solidFill>
              </a:rPr>
              <a:t>Groupements</a:t>
            </a:r>
          </a:p>
        </p:txBody>
      </p:sp>
      <p:sp>
        <p:nvSpPr>
          <p:cNvPr id="26" name="Rounded Rectangle 25">
            <a:extLst>
              <a:ext uri="{FF2B5EF4-FFF2-40B4-BE49-F238E27FC236}">
                <a16:creationId xmlns:a16="http://schemas.microsoft.com/office/drawing/2014/main" id="{74258CF0-2A21-B9A5-CBD2-1FDBB4539D34}"/>
              </a:ext>
            </a:extLst>
          </p:cNvPr>
          <p:cNvSpPr/>
          <p:nvPr/>
        </p:nvSpPr>
        <p:spPr>
          <a:xfrm>
            <a:off x="3457020" y="5429129"/>
            <a:ext cx="1244601" cy="434971"/>
          </a:xfrm>
          <a:prstGeom prst="roundRect">
            <a:avLst/>
          </a:prstGeom>
          <a:solidFill>
            <a:schemeClr val="bg1"/>
          </a:solidFill>
          <a:ln w="12700">
            <a:solidFill>
              <a:schemeClr val="accent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b="1" dirty="0">
                <a:solidFill>
                  <a:schemeClr val="tx1"/>
                </a:solidFill>
              </a:rPr>
              <a:t>Annuaire partagé</a:t>
            </a:r>
          </a:p>
        </p:txBody>
      </p:sp>
    </p:spTree>
    <p:extLst>
      <p:ext uri="{BB962C8B-B14F-4D97-AF65-F5344CB8AC3E}">
        <p14:creationId xmlns:p14="http://schemas.microsoft.com/office/powerpoint/2010/main" val="325141690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gradFill>
          <a:gsLst>
            <a:gs pos="0">
              <a:srgbClr val="1BA9B5"/>
            </a:gs>
            <a:gs pos="100000">
              <a:srgbClr val="005C87"/>
            </a:gs>
          </a:gsLst>
          <a:lin ang="10800000" scaled="0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ZoneTexte 4">
            <a:extLst>
              <a:ext uri="{FF2B5EF4-FFF2-40B4-BE49-F238E27FC236}">
                <a16:creationId xmlns:a16="http://schemas.microsoft.com/office/drawing/2014/main" id="{A63BE9A8-3631-B993-1372-F5A50C3A686E}"/>
              </a:ext>
            </a:extLst>
          </p:cNvPr>
          <p:cNvSpPr txBox="1"/>
          <p:nvPr/>
        </p:nvSpPr>
        <p:spPr>
          <a:xfrm>
            <a:off x="1553891" y="3059668"/>
            <a:ext cx="9084218" cy="73866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DSTNY, QUI SOMMES-NOUS ?</a:t>
            </a:r>
            <a:endParaRPr kumimoji="0" lang="fr-FR" sz="4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j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320244847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ZoneTexte 4">
            <a:extLst>
              <a:ext uri="{FF2B5EF4-FFF2-40B4-BE49-F238E27FC236}">
                <a16:creationId xmlns:a16="http://schemas.microsoft.com/office/drawing/2014/main" id="{A63BE9A8-3631-B993-1372-F5A50C3A686E}"/>
              </a:ext>
            </a:extLst>
          </p:cNvPr>
          <p:cNvSpPr txBox="1"/>
          <p:nvPr/>
        </p:nvSpPr>
        <p:spPr>
          <a:xfrm>
            <a:off x="762821" y="2690336"/>
            <a:ext cx="10666381" cy="147732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AUGMENTEZ LES PERFORMANCES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DE VOS SCORES RSE</a:t>
            </a:r>
            <a:endParaRPr kumimoji="0" lang="fr-FR" sz="4800" b="0" i="0" u="none" strike="noStrike" kern="120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+mj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160247962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3">
            <a:alphaModFix amt="37000"/>
            <a:lum/>
          </a:blip>
          <a:srcRect/>
          <a:stretch>
            <a:fillRect t="-9000" b="-9000"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le 1">
            <a:extLst>
              <a:ext uri="{FF2B5EF4-FFF2-40B4-BE49-F238E27FC236}">
                <a16:creationId xmlns:a16="http://schemas.microsoft.com/office/drawing/2014/main" id="{43F43AAF-0C1E-EFFE-85DF-70CF084C181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FR" dirty="0"/>
              <a:t>CONNECTEZ, COLLABOREZ, CONTRIBUEZ 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3887AF0D-6C0B-1BC5-CA18-C56CAD5DA474}"/>
              </a:ext>
            </a:extLst>
          </p:cNvPr>
          <p:cNvSpPr txBox="1"/>
          <p:nvPr/>
        </p:nvSpPr>
        <p:spPr>
          <a:xfrm>
            <a:off x="426268" y="1060390"/>
            <a:ext cx="11562532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2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Les politiques RSE sont plus parlantes avec la solution MBCaaS Dstny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Renforcez votre responsabilité sociale à travers le bien être de vos employés et l’impact écologique de votre entreprise 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E865C147-2279-9D58-4952-4FA6BF0AF815}"/>
              </a:ext>
            </a:extLst>
          </p:cNvPr>
          <p:cNvSpPr txBox="1"/>
          <p:nvPr/>
        </p:nvSpPr>
        <p:spPr>
          <a:xfrm>
            <a:off x="5188016" y="5232788"/>
            <a:ext cx="3616740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200" b="1" i="1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Le numérique représente globalement 2,5% des émissions de gaz à effet de serre.</a:t>
            </a:r>
          </a:p>
        </p:txBody>
      </p:sp>
      <p:sp>
        <p:nvSpPr>
          <p:cNvPr id="18" name="Rounded Rectangle 17">
            <a:extLst>
              <a:ext uri="{FF2B5EF4-FFF2-40B4-BE49-F238E27FC236}">
                <a16:creationId xmlns:a16="http://schemas.microsoft.com/office/drawing/2014/main" id="{5E7258B9-9F57-F23B-EB8C-DC9661CBCBDE}"/>
              </a:ext>
            </a:extLst>
          </p:cNvPr>
          <p:cNvSpPr/>
          <p:nvPr/>
        </p:nvSpPr>
        <p:spPr>
          <a:xfrm>
            <a:off x="426270" y="2330643"/>
            <a:ext cx="2077967" cy="829711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12700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Favorisez </a:t>
            </a:r>
            <a:r>
              <a:rPr kumimoji="0" lang="fr-FR" sz="11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un usage agile et hybride</a:t>
            </a: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pour plus de bien-être au travail</a:t>
            </a:r>
          </a:p>
        </p:txBody>
      </p:sp>
      <p:sp>
        <p:nvSpPr>
          <p:cNvPr id="19" name="Rounded Rectangle 18">
            <a:extLst>
              <a:ext uri="{FF2B5EF4-FFF2-40B4-BE49-F238E27FC236}">
                <a16:creationId xmlns:a16="http://schemas.microsoft.com/office/drawing/2014/main" id="{2734468E-ACE4-35C4-01A1-B4DD620280D1}"/>
              </a:ext>
            </a:extLst>
          </p:cNvPr>
          <p:cNvSpPr/>
          <p:nvPr/>
        </p:nvSpPr>
        <p:spPr>
          <a:xfrm>
            <a:off x="426268" y="3293094"/>
            <a:ext cx="2077967" cy="829711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12700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Bénéficiez d’un </a:t>
            </a:r>
            <a:r>
              <a:rPr kumimoji="0" lang="fr-FR" sz="11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abonnement pro unique </a:t>
            </a: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fixe et mobile </a:t>
            </a:r>
          </a:p>
        </p:txBody>
      </p:sp>
      <p:sp>
        <p:nvSpPr>
          <p:cNvPr id="20" name="Rounded Rectangle 19">
            <a:extLst>
              <a:ext uri="{FF2B5EF4-FFF2-40B4-BE49-F238E27FC236}">
                <a16:creationId xmlns:a16="http://schemas.microsoft.com/office/drawing/2014/main" id="{09E8B96F-F352-C5D3-1678-C675CC7E2F57}"/>
              </a:ext>
            </a:extLst>
          </p:cNvPr>
          <p:cNvSpPr/>
          <p:nvPr/>
        </p:nvSpPr>
        <p:spPr>
          <a:xfrm>
            <a:off x="426268" y="4255545"/>
            <a:ext cx="2077967" cy="829711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12700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La meilleure </a:t>
            </a:r>
            <a:r>
              <a:rPr kumimoji="0" lang="fr-FR" sz="11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intégration Microsoft Teams </a:t>
            </a: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ossible</a:t>
            </a:r>
          </a:p>
        </p:txBody>
      </p:sp>
      <p:sp>
        <p:nvSpPr>
          <p:cNvPr id="21" name="Rounded Rectangle 20">
            <a:extLst>
              <a:ext uri="{FF2B5EF4-FFF2-40B4-BE49-F238E27FC236}">
                <a16:creationId xmlns:a16="http://schemas.microsoft.com/office/drawing/2014/main" id="{5BB52222-167D-BEA6-B336-9B070BFD0054}"/>
              </a:ext>
            </a:extLst>
          </p:cNvPr>
          <p:cNvSpPr/>
          <p:nvPr/>
        </p:nvSpPr>
        <p:spPr>
          <a:xfrm>
            <a:off x="2715695" y="2330643"/>
            <a:ext cx="2077967" cy="829711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12700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AU" sz="11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Bring your own device: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utilisez votre propre smartphone pour vous servir de la solution  </a:t>
            </a:r>
          </a:p>
        </p:txBody>
      </p:sp>
      <p:sp>
        <p:nvSpPr>
          <p:cNvPr id="22" name="Rounded Rectangle 21">
            <a:extLst>
              <a:ext uri="{FF2B5EF4-FFF2-40B4-BE49-F238E27FC236}">
                <a16:creationId xmlns:a16="http://schemas.microsoft.com/office/drawing/2014/main" id="{3ADADC6B-C360-B731-0CCB-D35AD3CAE404}"/>
              </a:ext>
            </a:extLst>
          </p:cNvPr>
          <p:cNvSpPr/>
          <p:nvPr/>
        </p:nvSpPr>
        <p:spPr>
          <a:xfrm>
            <a:off x="2715693" y="3293094"/>
            <a:ext cx="2077967" cy="829711"/>
          </a:xfrm>
          <a:prstGeom prst="roundRect">
            <a:avLst/>
          </a:prstGeom>
          <a:solidFill>
            <a:schemeClr val="bg1">
              <a:lumMod val="95000"/>
            </a:schemeClr>
          </a:solidFill>
          <a:ln w="12700"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1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Recyclez</a:t>
            </a: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vos postes fixes dormants et poussiéreux </a:t>
            </a:r>
          </a:p>
        </p:txBody>
      </p:sp>
      <p:sp>
        <p:nvSpPr>
          <p:cNvPr id="24" name="Rounded Rectangular Callout 23">
            <a:extLst>
              <a:ext uri="{FF2B5EF4-FFF2-40B4-BE49-F238E27FC236}">
                <a16:creationId xmlns:a16="http://schemas.microsoft.com/office/drawing/2014/main" id="{61B5144E-2736-1579-368D-DEBB511FA2C4}"/>
              </a:ext>
            </a:extLst>
          </p:cNvPr>
          <p:cNvSpPr/>
          <p:nvPr/>
        </p:nvSpPr>
        <p:spPr>
          <a:xfrm>
            <a:off x="2697732" y="4255544"/>
            <a:ext cx="2490284" cy="1128113"/>
          </a:xfrm>
          <a:prstGeom prst="wedgeRoundRectCallout">
            <a:avLst>
              <a:gd name="adj1" fmla="val 56127"/>
              <a:gd name="adj2" fmla="val 42316"/>
              <a:gd name="adj3" fmla="val 16667"/>
            </a:avLst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FR" sz="11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pic>
        <p:nvPicPr>
          <p:cNvPr id="27" name="Picture 26" descr="A black background with white text&#10;&#10;Description automatically generated">
            <a:extLst>
              <a:ext uri="{FF2B5EF4-FFF2-40B4-BE49-F238E27FC236}">
                <a16:creationId xmlns:a16="http://schemas.microsoft.com/office/drawing/2014/main" id="{0DB29A49-4239-ABF3-7915-6A140F2D4B34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1593" t="37651" r="23331" b="49728"/>
          <a:stretch/>
        </p:blipFill>
        <p:spPr>
          <a:xfrm>
            <a:off x="3650562" y="4370907"/>
            <a:ext cx="1393645" cy="179646"/>
          </a:xfrm>
          <a:prstGeom prst="rect">
            <a:avLst/>
          </a:prstGeom>
        </p:spPr>
      </p:pic>
      <p:pic>
        <p:nvPicPr>
          <p:cNvPr id="29" name="Picture 28" descr="A white text with orange dots on a black background&#10;&#10;Description automatically generated">
            <a:extLst>
              <a:ext uri="{FF2B5EF4-FFF2-40B4-BE49-F238E27FC236}">
                <a16:creationId xmlns:a16="http://schemas.microsoft.com/office/drawing/2014/main" id="{18D68ACA-622F-10BC-3A94-73419C78B32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911322" y="4383346"/>
            <a:ext cx="545743" cy="199202"/>
          </a:xfrm>
          <a:prstGeom prst="rect">
            <a:avLst/>
          </a:prstGeom>
        </p:spPr>
      </p:pic>
      <p:sp>
        <p:nvSpPr>
          <p:cNvPr id="32" name="TextBox 31">
            <a:extLst>
              <a:ext uri="{FF2B5EF4-FFF2-40B4-BE49-F238E27FC236}">
                <a16:creationId xmlns:a16="http://schemas.microsoft.com/office/drawing/2014/main" id="{9E1DA0B5-61FB-705F-B3E2-15F85500D040}"/>
              </a:ext>
            </a:extLst>
          </p:cNvPr>
          <p:cNvSpPr txBox="1"/>
          <p:nvPr/>
        </p:nvSpPr>
        <p:spPr>
          <a:xfrm>
            <a:off x="3530357" y="4383346"/>
            <a:ext cx="148317" cy="18299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FR" sz="12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Dstny Headline"/>
                <a:ea typeface="+mn-ea"/>
                <a:cs typeface="+mn-cs"/>
              </a:rPr>
              <a:t>x</a:t>
            </a: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86ACF585-844B-DE6B-55FE-6BED6C8E2C30}"/>
              </a:ext>
            </a:extLst>
          </p:cNvPr>
          <p:cNvSpPr txBox="1"/>
          <p:nvPr/>
        </p:nvSpPr>
        <p:spPr>
          <a:xfrm>
            <a:off x="2788985" y="4566340"/>
            <a:ext cx="2472323" cy="76944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FR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Bénéficiez d’un </a:t>
            </a:r>
            <a:r>
              <a:rPr kumimoji="0" lang="en-FR" sz="11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tenariat avantageux</a:t>
            </a:r>
            <a:r>
              <a:rPr kumimoji="0" lang="en-FR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pour l’achat d’équipements reconditionnés et </a:t>
            </a:r>
            <a:r>
              <a:rPr kumimoji="0" lang="en-FR" sz="11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limitez votre empreinte carbone </a:t>
            </a:r>
          </a:p>
        </p:txBody>
      </p:sp>
    </p:spTree>
    <p:extLst>
      <p:ext uri="{BB962C8B-B14F-4D97-AF65-F5344CB8AC3E}">
        <p14:creationId xmlns:p14="http://schemas.microsoft.com/office/powerpoint/2010/main" val="121822844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ZoneTexte 4">
            <a:extLst>
              <a:ext uri="{FF2B5EF4-FFF2-40B4-BE49-F238E27FC236}">
                <a16:creationId xmlns:a16="http://schemas.microsoft.com/office/drawing/2014/main" id="{A63BE9A8-3631-B993-1372-F5A50C3A686E}"/>
              </a:ext>
            </a:extLst>
          </p:cNvPr>
          <p:cNvSpPr txBox="1"/>
          <p:nvPr/>
        </p:nvSpPr>
        <p:spPr>
          <a:xfrm>
            <a:off x="1852067" y="2690336"/>
            <a:ext cx="8487900" cy="147732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VOTRE PROFIL EST UNIQUE,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NOTRE SOLUTION AUSSI</a:t>
            </a:r>
          </a:p>
        </p:txBody>
      </p:sp>
    </p:spTree>
    <p:extLst>
      <p:ext uri="{BB962C8B-B14F-4D97-AF65-F5344CB8AC3E}">
        <p14:creationId xmlns:p14="http://schemas.microsoft.com/office/powerpoint/2010/main" val="734497757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Rectangle : coins arrondis 15">
            <a:extLst>
              <a:ext uri="{FF2B5EF4-FFF2-40B4-BE49-F238E27FC236}">
                <a16:creationId xmlns:a16="http://schemas.microsoft.com/office/drawing/2014/main" id="{9C5AE638-AB65-5B02-8844-64DEC770B661}"/>
              </a:ext>
            </a:extLst>
          </p:cNvPr>
          <p:cNvSpPr/>
          <p:nvPr/>
        </p:nvSpPr>
        <p:spPr>
          <a:xfrm>
            <a:off x="9067951" y="2790503"/>
            <a:ext cx="1782563" cy="3800475"/>
          </a:xfrm>
          <a:prstGeom prst="round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err="1"/>
          </a:p>
        </p:txBody>
      </p:sp>
      <p:sp>
        <p:nvSpPr>
          <p:cNvPr id="14" name="Rectangle : coins arrondis 13">
            <a:extLst>
              <a:ext uri="{FF2B5EF4-FFF2-40B4-BE49-F238E27FC236}">
                <a16:creationId xmlns:a16="http://schemas.microsoft.com/office/drawing/2014/main" id="{36A56B9F-2843-1386-FBB2-E4BFFCBAA21B}"/>
              </a:ext>
            </a:extLst>
          </p:cNvPr>
          <p:cNvSpPr/>
          <p:nvPr/>
        </p:nvSpPr>
        <p:spPr>
          <a:xfrm>
            <a:off x="6358990" y="2733680"/>
            <a:ext cx="1782563" cy="3800475"/>
          </a:xfrm>
          <a:prstGeom prst="round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err="1"/>
          </a:p>
        </p:txBody>
      </p:sp>
      <p:sp>
        <p:nvSpPr>
          <p:cNvPr id="15" name="Rectangle : coins arrondis 14">
            <a:extLst>
              <a:ext uri="{FF2B5EF4-FFF2-40B4-BE49-F238E27FC236}">
                <a16:creationId xmlns:a16="http://schemas.microsoft.com/office/drawing/2014/main" id="{ECB8058B-7E6B-F226-1E8C-773BF523819B}"/>
              </a:ext>
            </a:extLst>
          </p:cNvPr>
          <p:cNvSpPr/>
          <p:nvPr/>
        </p:nvSpPr>
        <p:spPr>
          <a:xfrm>
            <a:off x="826793" y="2733680"/>
            <a:ext cx="1782563" cy="3800475"/>
          </a:xfrm>
          <a:prstGeom prst="round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err="1"/>
          </a:p>
        </p:txBody>
      </p:sp>
      <p:sp>
        <p:nvSpPr>
          <p:cNvPr id="13" name="Rectangle : coins arrondis 12">
            <a:extLst>
              <a:ext uri="{FF2B5EF4-FFF2-40B4-BE49-F238E27FC236}">
                <a16:creationId xmlns:a16="http://schemas.microsoft.com/office/drawing/2014/main" id="{71C916BD-26E3-56DE-E216-CC31E92EA8A0}"/>
              </a:ext>
            </a:extLst>
          </p:cNvPr>
          <p:cNvSpPr/>
          <p:nvPr/>
        </p:nvSpPr>
        <p:spPr>
          <a:xfrm>
            <a:off x="3539630" y="2733680"/>
            <a:ext cx="1782563" cy="3800475"/>
          </a:xfrm>
          <a:prstGeom prst="round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err="1"/>
          </a:p>
        </p:txBody>
      </p:sp>
      <p:sp>
        <p:nvSpPr>
          <p:cNvPr id="23" name="ZoneTexte 22">
            <a:extLst>
              <a:ext uri="{FF2B5EF4-FFF2-40B4-BE49-F238E27FC236}">
                <a16:creationId xmlns:a16="http://schemas.microsoft.com/office/drawing/2014/main" id="{AF2133B5-8AD9-C5B7-2DEE-F5C909E083B2}"/>
              </a:ext>
            </a:extLst>
          </p:cNvPr>
          <p:cNvSpPr txBox="1"/>
          <p:nvPr/>
        </p:nvSpPr>
        <p:spPr>
          <a:xfrm>
            <a:off x="3603791" y="3777518"/>
            <a:ext cx="1586877" cy="178510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rtl="0"/>
            <a:r>
              <a:rPr lang="fr-FR" b="1" dirty="0">
                <a:solidFill>
                  <a:schemeClr val="bg1"/>
                </a:solidFill>
                <a:effectLst/>
              </a:rPr>
              <a:t>Profil mobile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Licence utilisateur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SMART</a:t>
            </a:r>
            <a:r>
              <a:rPr lang="fr-FR" sz="1200" dirty="0">
                <a:solidFill>
                  <a:schemeClr val="bg1"/>
                </a:solidFill>
                <a:effectLst/>
              </a:rPr>
              <a:t> &amp; Convergence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Mobile</a:t>
            </a:r>
          </a:p>
          <a:p>
            <a:pPr rtl="0"/>
            <a:endParaRPr lang="fr-FR" sz="400" dirty="0">
              <a:solidFill>
                <a:schemeClr val="bg1"/>
              </a:solidFill>
              <a:effectLst/>
            </a:endParaRPr>
          </a:p>
          <a:p>
            <a:pPr rtl="0"/>
            <a:r>
              <a:rPr lang="fr-FR" sz="1000" dirty="0">
                <a:solidFill>
                  <a:schemeClr val="bg1"/>
                </a:solidFill>
              </a:rPr>
              <a:t>Forfait OpenSIM Voix + Data</a:t>
            </a:r>
            <a:endParaRPr lang="fr-FR" sz="1000" b="1" dirty="0">
              <a:solidFill>
                <a:schemeClr val="bg1"/>
              </a:solidFill>
            </a:endParaRPr>
          </a:p>
          <a:p>
            <a:pPr rtl="0"/>
            <a:br>
              <a:rPr lang="fr-FR" sz="400" b="1" dirty="0">
                <a:solidFill>
                  <a:schemeClr val="bg1"/>
                </a:solidFill>
              </a:rPr>
            </a:br>
            <a:endParaRPr lang="fr-FR" sz="1200" dirty="0">
              <a:solidFill>
                <a:schemeClr val="bg1"/>
              </a:solidFill>
              <a:effectLst/>
            </a:endParaRPr>
          </a:p>
        </p:txBody>
      </p:sp>
      <p:pic>
        <p:nvPicPr>
          <p:cNvPr id="29" name="Image 28" descr="Une image contenant Téléphone mobile, texte, gadget, capture d’écran&#10;&#10;Description générée automatiquement">
            <a:extLst>
              <a:ext uri="{FF2B5EF4-FFF2-40B4-BE49-F238E27FC236}">
                <a16:creationId xmlns:a16="http://schemas.microsoft.com/office/drawing/2014/main" id="{B099A9AA-2FBF-2427-E8AC-D25EE518413D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3921"/>
          <a:stretch/>
        </p:blipFill>
        <p:spPr>
          <a:xfrm>
            <a:off x="4765279" y="5514006"/>
            <a:ext cx="1112382" cy="1068765"/>
          </a:xfrm>
          <a:prstGeom prst="rect">
            <a:avLst/>
          </a:prstGeom>
        </p:spPr>
      </p:pic>
      <p:sp>
        <p:nvSpPr>
          <p:cNvPr id="30" name="ZoneTexte 29">
            <a:extLst>
              <a:ext uri="{FF2B5EF4-FFF2-40B4-BE49-F238E27FC236}">
                <a16:creationId xmlns:a16="http://schemas.microsoft.com/office/drawing/2014/main" id="{B3E0FB9A-9454-E92E-4645-9B155F2EA3C6}"/>
              </a:ext>
            </a:extLst>
          </p:cNvPr>
          <p:cNvSpPr txBox="1"/>
          <p:nvPr/>
        </p:nvSpPr>
        <p:spPr>
          <a:xfrm>
            <a:off x="911987" y="3769034"/>
            <a:ext cx="1586877" cy="138499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rtl="0"/>
            <a:r>
              <a:rPr lang="fr-FR" b="1" dirty="0">
                <a:solidFill>
                  <a:schemeClr val="bg1"/>
                </a:solidFill>
                <a:effectLst/>
              </a:rPr>
              <a:t>Profil sédentaire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Licence utilisateur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SMART</a:t>
            </a:r>
            <a:r>
              <a:rPr lang="fr-FR" sz="1200" dirty="0">
                <a:solidFill>
                  <a:schemeClr val="bg1"/>
                </a:solidFill>
                <a:effectLst/>
              </a:rPr>
              <a:t> 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Poste fixe </a:t>
            </a:r>
            <a:endParaRPr lang="fr-FR" sz="1200" b="1" dirty="0">
              <a:solidFill>
                <a:schemeClr val="bg1"/>
              </a:solidFill>
              <a:effectLst/>
            </a:endParaRPr>
          </a:p>
          <a:p>
            <a:pPr rtl="0"/>
            <a:endParaRPr lang="fr-FR" sz="400" dirty="0">
              <a:solidFill>
                <a:schemeClr val="bg1"/>
              </a:solidFill>
              <a:effectLst/>
            </a:endParaRPr>
          </a:p>
        </p:txBody>
      </p:sp>
      <p:sp>
        <p:nvSpPr>
          <p:cNvPr id="37" name="ZoneTexte 36">
            <a:extLst>
              <a:ext uri="{FF2B5EF4-FFF2-40B4-BE49-F238E27FC236}">
                <a16:creationId xmlns:a16="http://schemas.microsoft.com/office/drawing/2014/main" id="{9627BE37-B65B-AA13-881A-C41719102C2C}"/>
              </a:ext>
            </a:extLst>
          </p:cNvPr>
          <p:cNvSpPr txBox="1"/>
          <p:nvPr/>
        </p:nvSpPr>
        <p:spPr>
          <a:xfrm>
            <a:off x="6514457" y="3769034"/>
            <a:ext cx="1586877" cy="150810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rtl="0"/>
            <a:r>
              <a:rPr lang="fr-FR" b="1" dirty="0">
                <a:solidFill>
                  <a:schemeClr val="bg1"/>
                </a:solidFill>
                <a:effectLst/>
              </a:rPr>
              <a:t>Profil hybride 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r>
              <a:rPr lang="fr-FR" sz="1200" dirty="0">
                <a:solidFill>
                  <a:schemeClr val="bg1"/>
                </a:solidFill>
                <a:effectLst/>
              </a:rPr>
              <a:t>Licence utilisateur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SMART</a:t>
            </a:r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Intégration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Teams Connec</a:t>
            </a:r>
            <a:r>
              <a:rPr lang="fr-FR" sz="1200" b="1" dirty="0">
                <a:solidFill>
                  <a:schemeClr val="bg1"/>
                </a:solidFill>
              </a:rPr>
              <a:t>t Integral</a:t>
            </a:r>
            <a:endParaRPr lang="fr-FR" sz="1200" b="1" dirty="0">
              <a:solidFill>
                <a:schemeClr val="bg1"/>
              </a:solidFill>
              <a:effectLst/>
            </a:endParaRPr>
          </a:p>
          <a:p>
            <a:pPr rtl="0"/>
            <a:endParaRPr lang="fr-FR" sz="400" dirty="0">
              <a:solidFill>
                <a:schemeClr val="bg1"/>
              </a:solidFill>
              <a:effectLst/>
            </a:endParaRPr>
          </a:p>
        </p:txBody>
      </p:sp>
      <p:sp>
        <p:nvSpPr>
          <p:cNvPr id="40" name="ZoneTexte 39">
            <a:extLst>
              <a:ext uri="{FF2B5EF4-FFF2-40B4-BE49-F238E27FC236}">
                <a16:creationId xmlns:a16="http://schemas.microsoft.com/office/drawing/2014/main" id="{98ADE95B-8969-75DF-6A40-F875CAE4C3A4}"/>
              </a:ext>
            </a:extLst>
          </p:cNvPr>
          <p:cNvSpPr txBox="1"/>
          <p:nvPr/>
        </p:nvSpPr>
        <p:spPr>
          <a:xfrm>
            <a:off x="9165793" y="3825087"/>
            <a:ext cx="1586877" cy="156966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rtl="0"/>
            <a:r>
              <a:rPr lang="fr-FR" b="1" dirty="0">
                <a:solidFill>
                  <a:schemeClr val="bg1"/>
                </a:solidFill>
                <a:effectLst/>
              </a:rPr>
              <a:t>Profil connecté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Licence utilisateur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SMART+</a:t>
            </a:r>
            <a:r>
              <a:rPr lang="fr-FR" sz="1200" dirty="0">
                <a:solidFill>
                  <a:schemeClr val="bg1"/>
                </a:solidFill>
                <a:effectLst/>
              </a:rPr>
              <a:t>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Mobile + Teams </a:t>
            </a:r>
          </a:p>
          <a:p>
            <a:pPr rtl="0"/>
            <a:endParaRPr lang="fr-FR" sz="400" dirty="0">
              <a:solidFill>
                <a:schemeClr val="bg1"/>
              </a:solidFill>
              <a:effectLst/>
            </a:endParaRPr>
          </a:p>
          <a:p>
            <a:pPr rtl="0"/>
            <a:br>
              <a:rPr lang="fr-FR" sz="400" b="1" dirty="0">
                <a:solidFill>
                  <a:schemeClr val="bg1"/>
                </a:solidFill>
              </a:rPr>
            </a:br>
            <a:endParaRPr lang="fr-FR" sz="1200" dirty="0">
              <a:solidFill>
                <a:schemeClr val="bg1"/>
              </a:solidFill>
              <a:effectLst/>
            </a:endParaRPr>
          </a:p>
        </p:txBody>
      </p:sp>
      <p:pic>
        <p:nvPicPr>
          <p:cNvPr id="41" name="Image 40" descr="Une image contenant ordinateur, ordinateur portable, Périphérique de sortie, Netbook&#10;&#10;Description générée automatiquement">
            <a:extLst>
              <a:ext uri="{FF2B5EF4-FFF2-40B4-BE49-F238E27FC236}">
                <a16:creationId xmlns:a16="http://schemas.microsoft.com/office/drawing/2014/main" id="{1986BE23-49D8-7B5F-BB5B-BAF934BC79AE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437" t="20262" r="19117" b="11765"/>
          <a:stretch/>
        </p:blipFill>
        <p:spPr>
          <a:xfrm>
            <a:off x="9922085" y="5742311"/>
            <a:ext cx="1633766" cy="984588"/>
          </a:xfrm>
          <a:prstGeom prst="rect">
            <a:avLst/>
          </a:prstGeom>
        </p:spPr>
      </p:pic>
      <p:pic>
        <p:nvPicPr>
          <p:cNvPr id="42" name="Image 41" descr="Une image contenant Téléphone mobile, texte, gadget, capture d’écran&#10;&#10;Description générée automatiquement">
            <a:extLst>
              <a:ext uri="{FF2B5EF4-FFF2-40B4-BE49-F238E27FC236}">
                <a16:creationId xmlns:a16="http://schemas.microsoft.com/office/drawing/2014/main" id="{E605BFA0-40AB-B664-A0F4-063D3DA84E92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21523" y="5514006"/>
            <a:ext cx="1112382" cy="1112382"/>
          </a:xfrm>
          <a:prstGeom prst="rect">
            <a:avLst/>
          </a:prstGeom>
        </p:spPr>
      </p:pic>
      <p:pic>
        <p:nvPicPr>
          <p:cNvPr id="5" name="Image 9" descr="Une image contenant art, cercle&#10;&#10;Description générée automatiquement">
            <a:extLst>
              <a:ext uri="{FF2B5EF4-FFF2-40B4-BE49-F238E27FC236}">
                <a16:creationId xmlns:a16="http://schemas.microsoft.com/office/drawing/2014/main" id="{1D0361A3-7A0E-0189-BD6D-A9F9FC35E80B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0194" r="-1" b="59051"/>
          <a:stretch/>
        </p:blipFill>
        <p:spPr>
          <a:xfrm>
            <a:off x="8832841" y="1201611"/>
            <a:ext cx="2349676" cy="2732624"/>
          </a:xfrm>
          <a:prstGeom prst="rect">
            <a:avLst/>
          </a:prstGeom>
        </p:spPr>
      </p:pic>
      <p:pic>
        <p:nvPicPr>
          <p:cNvPr id="6" name="Image 9" descr="Une image contenant art, cercle&#10;&#10;Description générée automatiquement">
            <a:extLst>
              <a:ext uri="{FF2B5EF4-FFF2-40B4-BE49-F238E27FC236}">
                <a16:creationId xmlns:a16="http://schemas.microsoft.com/office/drawing/2014/main" id="{B53A455D-2B43-5506-510B-028FDCFE0912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668" r="60010" b="59051"/>
          <a:stretch/>
        </p:blipFill>
        <p:spPr>
          <a:xfrm>
            <a:off x="3285111" y="1201611"/>
            <a:ext cx="2410866" cy="2732624"/>
          </a:xfrm>
          <a:prstGeom prst="rect">
            <a:avLst/>
          </a:prstGeom>
        </p:spPr>
      </p:pic>
      <p:pic>
        <p:nvPicPr>
          <p:cNvPr id="7" name="Image 9" descr="Une image contenant art, cercle&#10;&#10;Description générée automatiquement">
            <a:extLst>
              <a:ext uri="{FF2B5EF4-FFF2-40B4-BE49-F238E27FC236}">
                <a16:creationId xmlns:a16="http://schemas.microsoft.com/office/drawing/2014/main" id="{1E128E9E-2B75-EA90-68DF-5DAB02DB64CB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0014" r="19134" b="59051"/>
          <a:stretch/>
        </p:blipFill>
        <p:spPr>
          <a:xfrm>
            <a:off x="6094800" y="1201611"/>
            <a:ext cx="2473851" cy="2732624"/>
          </a:xfrm>
          <a:prstGeom prst="rect">
            <a:avLst/>
          </a:prstGeom>
        </p:spPr>
      </p:pic>
      <p:sp>
        <p:nvSpPr>
          <p:cNvPr id="9" name="Titre 1">
            <a:extLst>
              <a:ext uri="{FF2B5EF4-FFF2-40B4-BE49-F238E27FC236}">
                <a16:creationId xmlns:a16="http://schemas.microsoft.com/office/drawing/2014/main" id="{37B3BD47-B942-C45E-BF6F-8CA30AB2ABB8}"/>
              </a:ext>
            </a:extLst>
          </p:cNvPr>
          <p:cNvSpPr txBox="1">
            <a:spLocks/>
          </p:cNvSpPr>
          <p:nvPr/>
        </p:nvSpPr>
        <p:spPr>
          <a:xfrm>
            <a:off x="446308" y="462071"/>
            <a:ext cx="11745691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UNE PLATEFORME POUR TOUS, UN OUTIL POUR CHACUN</a:t>
            </a:r>
            <a:endParaRPr lang="fr-FR" dirty="0"/>
          </a:p>
        </p:txBody>
      </p:sp>
      <p:pic>
        <p:nvPicPr>
          <p:cNvPr id="17" name="Picture 16" descr="A person sitting at a desk using a computer&#10;&#10;Description automatically generated">
            <a:extLst>
              <a:ext uri="{FF2B5EF4-FFF2-40B4-BE49-F238E27FC236}">
                <a16:creationId xmlns:a16="http://schemas.microsoft.com/office/drawing/2014/main" id="{F629D3A9-B5B5-589B-0047-3E6EE5445B66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9247" t="22223" r="29529" b="23047"/>
          <a:stretch/>
        </p:blipFill>
        <p:spPr>
          <a:xfrm>
            <a:off x="446309" y="1069079"/>
            <a:ext cx="2445754" cy="2435243"/>
          </a:xfrm>
          <a:prstGeom prst="rect">
            <a:avLst/>
          </a:prstGeom>
        </p:spPr>
      </p:pic>
      <p:pic>
        <p:nvPicPr>
          <p:cNvPr id="25" name="Picture 4" descr="poste ip yealink t57w">
            <a:extLst>
              <a:ext uri="{FF2B5EF4-FFF2-40B4-BE49-F238E27FC236}">
                <a16:creationId xmlns:a16="http://schemas.microsoft.com/office/drawing/2014/main" id="{DE256E53-AF3A-6EDA-7023-176524465E5A}"/>
              </a:ext>
            </a:extLst>
          </p:cNvPr>
          <p:cNvPicPr>
            <a:picLocks noChangeAspect="1"/>
          </p:cNvPicPr>
          <p:nvPr/>
        </p:nvPicPr>
        <p:blipFill>
          <a:blip r:embed="rId7"/>
          <a:srcRect/>
          <a:stretch>
            <a:fillRect/>
          </a:stretch>
        </p:blipFill>
        <p:spPr>
          <a:xfrm>
            <a:off x="1811546" y="5562622"/>
            <a:ext cx="1179351" cy="1179351"/>
          </a:xfrm>
          <a:prstGeom prst="rect">
            <a:avLst/>
          </a:prstGeom>
          <a:noFill/>
          <a:ln cap="flat">
            <a:noFill/>
          </a:ln>
        </p:spPr>
      </p:pic>
      <p:pic>
        <p:nvPicPr>
          <p:cNvPr id="26" name="Image 40" descr="Une image contenant ordinateur, ordinateur portable, Périphérique de sortie, Netbook&#10;&#10;Description générée automatiquement">
            <a:extLst>
              <a:ext uri="{FF2B5EF4-FFF2-40B4-BE49-F238E27FC236}">
                <a16:creationId xmlns:a16="http://schemas.microsoft.com/office/drawing/2014/main" id="{A2ADCB21-9535-E3A6-19AB-97E15B1EB6E9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437" t="20262" r="19117" b="11765"/>
          <a:stretch/>
        </p:blipFill>
        <p:spPr>
          <a:xfrm>
            <a:off x="7206985" y="5739948"/>
            <a:ext cx="1633766" cy="984588"/>
          </a:xfrm>
          <a:prstGeom prst="rect">
            <a:avLst/>
          </a:prstGeom>
        </p:spPr>
      </p:pic>
      <p:pic>
        <p:nvPicPr>
          <p:cNvPr id="19" name="Picture 2" descr="Microsoft Teams Phone | Microsoft Teams">
            <a:extLst>
              <a:ext uri="{FF2B5EF4-FFF2-40B4-BE49-F238E27FC236}">
                <a16:creationId xmlns:a16="http://schemas.microsoft.com/office/drawing/2014/main" id="{BB55517B-89E8-C029-DBAF-B2A2A4CF0958}"/>
              </a:ext>
            </a:extLst>
          </p:cNvPr>
          <p:cNvPicPr>
            <a:picLocks noChangeAspect="1"/>
          </p:cNvPicPr>
          <p:nvPr/>
        </p:nvPicPr>
        <p:blipFill rotWithShape="1">
          <a:blip r:embed="rId8"/>
          <a:srcRect r="18343"/>
          <a:stretch/>
        </p:blipFill>
        <p:spPr>
          <a:xfrm>
            <a:off x="7406816" y="5739948"/>
            <a:ext cx="1098825" cy="767951"/>
          </a:xfrm>
          <a:prstGeom prst="rect">
            <a:avLst/>
          </a:prstGeom>
          <a:noFill/>
          <a:ln cap="flat">
            <a:noFill/>
          </a:ln>
        </p:spPr>
      </p:pic>
      <p:sp>
        <p:nvSpPr>
          <p:cNvPr id="2" name="ZoneTexte 49">
            <a:extLst>
              <a:ext uri="{FF2B5EF4-FFF2-40B4-BE49-F238E27FC236}">
                <a16:creationId xmlns:a16="http://schemas.microsoft.com/office/drawing/2014/main" id="{2B949A81-DAFF-E63F-7CF4-A8FBD1E463DA}"/>
              </a:ext>
            </a:extLst>
          </p:cNvPr>
          <p:cNvSpPr txBox="1"/>
          <p:nvPr/>
        </p:nvSpPr>
        <p:spPr>
          <a:xfrm>
            <a:off x="939642" y="5895453"/>
            <a:ext cx="1179351" cy="4693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à partir de 4,25€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HT/ mois </a:t>
            </a:r>
            <a:r>
              <a:rPr kumimoji="0" lang="fr-FR" sz="10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 utilisateur  </a:t>
            </a: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  </a:t>
            </a:r>
          </a:p>
        </p:txBody>
      </p:sp>
      <p:sp>
        <p:nvSpPr>
          <p:cNvPr id="4" name="ZoneTexte 49">
            <a:extLst>
              <a:ext uri="{FF2B5EF4-FFF2-40B4-BE49-F238E27FC236}">
                <a16:creationId xmlns:a16="http://schemas.microsoft.com/office/drawing/2014/main" id="{857D2C30-E485-6AE7-6608-369420E24B4A}"/>
              </a:ext>
            </a:extLst>
          </p:cNvPr>
          <p:cNvSpPr txBox="1"/>
          <p:nvPr/>
        </p:nvSpPr>
        <p:spPr>
          <a:xfrm>
            <a:off x="3652710" y="5891606"/>
            <a:ext cx="1179351" cy="4693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à partir de 18,25€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HT/ mois </a:t>
            </a:r>
            <a:r>
              <a:rPr kumimoji="0" lang="fr-FR" sz="10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 utilisateur  </a:t>
            </a: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  </a:t>
            </a:r>
          </a:p>
        </p:txBody>
      </p:sp>
      <p:sp>
        <p:nvSpPr>
          <p:cNvPr id="8" name="ZoneTexte 49">
            <a:extLst>
              <a:ext uri="{FF2B5EF4-FFF2-40B4-BE49-F238E27FC236}">
                <a16:creationId xmlns:a16="http://schemas.microsoft.com/office/drawing/2014/main" id="{F0798411-6866-9ACF-40DB-598448ABD530}"/>
              </a:ext>
            </a:extLst>
          </p:cNvPr>
          <p:cNvSpPr txBox="1"/>
          <p:nvPr/>
        </p:nvSpPr>
        <p:spPr>
          <a:xfrm>
            <a:off x="6435621" y="5889243"/>
            <a:ext cx="1179351" cy="4693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à partir de </a:t>
            </a:r>
            <a:r>
              <a:rPr lang="fr-FR" sz="1000" b="1" dirty="0">
                <a:solidFill>
                  <a:schemeClr val="bg1"/>
                </a:solidFill>
                <a:latin typeface="Dstny Body"/>
                <a:cs typeface="Fira Sans Extra Condensed Medium"/>
                <a:sym typeface="Fira Sans Extra Condensed Medium"/>
              </a:rPr>
              <a:t>7,7</a:t>
            </a: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5€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HT/ mois </a:t>
            </a:r>
            <a:r>
              <a:rPr kumimoji="0" lang="fr-FR" sz="10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 utilisateur  </a:t>
            </a: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  </a:t>
            </a:r>
          </a:p>
        </p:txBody>
      </p:sp>
      <p:pic>
        <p:nvPicPr>
          <p:cNvPr id="20" name="Picture 8" descr="Tote bag « Icône Microsoft Teams », par AGM97 | Redbubble">
            <a:extLst>
              <a:ext uri="{FF2B5EF4-FFF2-40B4-BE49-F238E27FC236}">
                <a16:creationId xmlns:a16="http://schemas.microsoft.com/office/drawing/2014/main" id="{12A33FE1-B0BB-ECB2-11BB-1FB7FBB8CC3F}"/>
              </a:ext>
            </a:extLst>
          </p:cNvPr>
          <p:cNvPicPr>
            <a:picLocks noChangeAspect="1"/>
          </p:cNvPicPr>
          <p:nvPr/>
        </p:nvPicPr>
        <p:blipFill>
          <a:blip r:embed="rId9"/>
          <a:srcRect/>
          <a:stretch>
            <a:fillRect/>
          </a:stretch>
        </p:blipFill>
        <p:spPr>
          <a:xfrm>
            <a:off x="8379275" y="5460859"/>
            <a:ext cx="520905" cy="665144"/>
          </a:xfrm>
          <a:prstGeom prst="rect">
            <a:avLst/>
          </a:prstGeom>
          <a:noFill/>
          <a:ln cap="flat">
            <a:noFill/>
          </a:ln>
        </p:spPr>
      </p:pic>
      <p:sp>
        <p:nvSpPr>
          <p:cNvPr id="10" name="ZoneTexte 49">
            <a:extLst>
              <a:ext uri="{FF2B5EF4-FFF2-40B4-BE49-F238E27FC236}">
                <a16:creationId xmlns:a16="http://schemas.microsoft.com/office/drawing/2014/main" id="{18037E0B-1696-0365-B26C-AE125D3C2E5B}"/>
              </a:ext>
            </a:extLst>
          </p:cNvPr>
          <p:cNvSpPr txBox="1"/>
          <p:nvPr/>
        </p:nvSpPr>
        <p:spPr>
          <a:xfrm>
            <a:off x="9116480" y="5889242"/>
            <a:ext cx="1179351" cy="46935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à partir de 32</a:t>
            </a:r>
            <a:r>
              <a:rPr lang="fr-FR" sz="1000" b="1" dirty="0">
                <a:solidFill>
                  <a:schemeClr val="bg1"/>
                </a:solidFill>
                <a:latin typeface="Dstny Body"/>
                <a:cs typeface="Fira Sans Extra Condensed Medium"/>
                <a:sym typeface="Fira Sans Extra Condensed Medium"/>
              </a:rPr>
              <a:t>,7</a:t>
            </a: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5€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HT/ mois </a:t>
            </a:r>
            <a:r>
              <a:rPr kumimoji="0" lang="fr-FR" sz="1000" b="0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 utilisateur  </a:t>
            </a: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  </a:t>
            </a:r>
          </a:p>
        </p:txBody>
      </p:sp>
    </p:spTree>
    <p:extLst>
      <p:ext uri="{BB962C8B-B14F-4D97-AF65-F5344CB8AC3E}">
        <p14:creationId xmlns:p14="http://schemas.microsoft.com/office/powerpoint/2010/main" val="3744648838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Rectangle : coins arrondis 14">
            <a:extLst>
              <a:ext uri="{FF2B5EF4-FFF2-40B4-BE49-F238E27FC236}">
                <a16:creationId xmlns:a16="http://schemas.microsoft.com/office/drawing/2014/main" id="{ECB8058B-7E6B-F226-1E8C-773BF523819B}"/>
              </a:ext>
            </a:extLst>
          </p:cNvPr>
          <p:cNvSpPr/>
          <p:nvPr/>
        </p:nvSpPr>
        <p:spPr>
          <a:xfrm>
            <a:off x="826793" y="2733680"/>
            <a:ext cx="1782563" cy="3800475"/>
          </a:xfrm>
          <a:prstGeom prst="round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err="1"/>
          </a:p>
        </p:txBody>
      </p:sp>
      <p:sp>
        <p:nvSpPr>
          <p:cNvPr id="30" name="ZoneTexte 29">
            <a:extLst>
              <a:ext uri="{FF2B5EF4-FFF2-40B4-BE49-F238E27FC236}">
                <a16:creationId xmlns:a16="http://schemas.microsoft.com/office/drawing/2014/main" id="{B3E0FB9A-9454-E92E-4645-9B155F2EA3C6}"/>
              </a:ext>
            </a:extLst>
          </p:cNvPr>
          <p:cNvSpPr txBox="1"/>
          <p:nvPr/>
        </p:nvSpPr>
        <p:spPr>
          <a:xfrm>
            <a:off x="911987" y="3769034"/>
            <a:ext cx="1586877" cy="138499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rtl="0"/>
            <a:r>
              <a:rPr lang="fr-FR" b="1" dirty="0">
                <a:solidFill>
                  <a:schemeClr val="bg1"/>
                </a:solidFill>
                <a:effectLst/>
              </a:rPr>
              <a:t>Profil sédentaire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Licence utilisateur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SMART</a:t>
            </a:r>
            <a:r>
              <a:rPr lang="fr-FR" sz="1200" dirty="0">
                <a:solidFill>
                  <a:schemeClr val="bg1"/>
                </a:solidFill>
                <a:effectLst/>
              </a:rPr>
              <a:t> 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Poste fixe </a:t>
            </a:r>
            <a:endParaRPr lang="fr-FR" sz="1200" b="1" dirty="0">
              <a:solidFill>
                <a:schemeClr val="bg1"/>
              </a:solidFill>
              <a:effectLst/>
            </a:endParaRPr>
          </a:p>
          <a:p>
            <a:pPr rtl="0"/>
            <a:endParaRPr lang="fr-FR" sz="400" dirty="0">
              <a:solidFill>
                <a:schemeClr val="bg1"/>
              </a:solidFill>
              <a:effectLst/>
            </a:endParaRPr>
          </a:p>
        </p:txBody>
      </p:sp>
      <p:sp>
        <p:nvSpPr>
          <p:cNvPr id="9" name="Titre 1">
            <a:extLst>
              <a:ext uri="{FF2B5EF4-FFF2-40B4-BE49-F238E27FC236}">
                <a16:creationId xmlns:a16="http://schemas.microsoft.com/office/drawing/2014/main" id="{37B3BD47-B942-C45E-BF6F-8CA30AB2ABB8}"/>
              </a:ext>
            </a:extLst>
          </p:cNvPr>
          <p:cNvSpPr txBox="1">
            <a:spLocks/>
          </p:cNvSpPr>
          <p:nvPr/>
        </p:nvSpPr>
        <p:spPr>
          <a:xfrm>
            <a:off x="446308" y="462071"/>
            <a:ext cx="11745691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L’ESSENTIEL DE VOS COMMUNICATION PRO</a:t>
            </a:r>
            <a:endParaRPr lang="fr-FR" dirty="0"/>
          </a:p>
        </p:txBody>
      </p:sp>
      <p:pic>
        <p:nvPicPr>
          <p:cNvPr id="17" name="Picture 16" descr="A person sitting at a desk using a computer&#10;&#10;Description automatically generated">
            <a:extLst>
              <a:ext uri="{FF2B5EF4-FFF2-40B4-BE49-F238E27FC236}">
                <a16:creationId xmlns:a16="http://schemas.microsoft.com/office/drawing/2014/main" id="{F629D3A9-B5B5-589B-0047-3E6EE5445B66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9247" t="22223" r="29529" b="23047"/>
          <a:stretch/>
        </p:blipFill>
        <p:spPr>
          <a:xfrm>
            <a:off x="446309" y="1069079"/>
            <a:ext cx="2445754" cy="2435243"/>
          </a:xfrm>
          <a:prstGeom prst="rect">
            <a:avLst/>
          </a:prstGeom>
        </p:spPr>
      </p:pic>
      <p:pic>
        <p:nvPicPr>
          <p:cNvPr id="25" name="Picture 4" descr="poste ip yealink t57w">
            <a:extLst>
              <a:ext uri="{FF2B5EF4-FFF2-40B4-BE49-F238E27FC236}">
                <a16:creationId xmlns:a16="http://schemas.microsoft.com/office/drawing/2014/main" id="{DE256E53-AF3A-6EDA-7023-176524465E5A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/>
          <a:stretch>
            <a:fillRect/>
          </a:stretch>
        </p:blipFill>
        <p:spPr>
          <a:xfrm>
            <a:off x="1811546" y="5562622"/>
            <a:ext cx="1179351" cy="1179351"/>
          </a:xfrm>
          <a:prstGeom prst="rect">
            <a:avLst/>
          </a:prstGeom>
          <a:noFill/>
          <a:ln cap="flat">
            <a:noFill/>
          </a:ln>
        </p:spPr>
      </p:pic>
      <p:sp>
        <p:nvSpPr>
          <p:cNvPr id="3" name="ZoneTexte 46">
            <a:extLst>
              <a:ext uri="{FF2B5EF4-FFF2-40B4-BE49-F238E27FC236}">
                <a16:creationId xmlns:a16="http://schemas.microsoft.com/office/drawing/2014/main" id="{0577D627-0844-EC40-3B04-D881623AFC2A}"/>
              </a:ext>
            </a:extLst>
          </p:cNvPr>
          <p:cNvSpPr txBox="1"/>
          <p:nvPr/>
        </p:nvSpPr>
        <p:spPr>
          <a:xfrm>
            <a:off x="3594109" y="2732756"/>
            <a:ext cx="7113108" cy="190116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lang="fr-FR" sz="1400" dirty="0">
                <a:solidFill>
                  <a:srgbClr val="000000"/>
                </a:solidFill>
                <a:latin typeface="Dstny Body"/>
                <a:ea typeface="Inter" panose="02000503000000020004" pitchFamily="2" charset="0"/>
              </a:rPr>
              <a:t>Sur site équipé d’un poste IP pour les communications externes</a:t>
            </a:r>
            <a:endParaRPr kumimoji="0" lang="fr-FR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Inter" panose="02000503000000020004" pitchFamily="2" charset="0"/>
              <a:cs typeface="+mn-cs"/>
            </a:endParaRPr>
          </a:p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Wingdings" pitchFamily="2" charset="2"/>
              <a:buChar char="q"/>
              <a:tabLst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La liberté pour chaque utilisateur de contrôler et paramétrer sa téléphonie depuis l’outil de son choix (Dstny web / Microsoft Teams) 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Des communications facturées au réel 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Des options ACD disponibles par groupement, et SVI</a:t>
            </a:r>
          </a:p>
          <a:p>
            <a:pPr>
              <a:lnSpc>
                <a:spcPct val="150000"/>
              </a:lnSpc>
              <a:buClr>
                <a:schemeClr val="accent1"/>
              </a:buClr>
              <a:defRPr/>
            </a:pPr>
            <a:endParaRPr kumimoji="0" lang="fr-FR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Inter" panose="02000503000000020004" pitchFamily="2" charset="0"/>
              <a:cs typeface="+mn-cs"/>
            </a:endParaRPr>
          </a:p>
        </p:txBody>
      </p:sp>
      <p:sp>
        <p:nvSpPr>
          <p:cNvPr id="10" name="ZoneTexte 49">
            <a:extLst>
              <a:ext uri="{FF2B5EF4-FFF2-40B4-BE49-F238E27FC236}">
                <a16:creationId xmlns:a16="http://schemas.microsoft.com/office/drawing/2014/main" id="{6790D9DB-A246-912C-8FA5-5CDB2F5B920D}"/>
              </a:ext>
            </a:extLst>
          </p:cNvPr>
          <p:cNvSpPr txBox="1"/>
          <p:nvPr/>
        </p:nvSpPr>
        <p:spPr>
          <a:xfrm>
            <a:off x="3594109" y="6030525"/>
            <a:ext cx="730525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à partir de 4,25€* HT/ mois </a:t>
            </a: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 utilisateur  </a:t>
            </a:r>
            <a:r>
              <a:rPr kumimoji="0" lang="fr-FR" sz="1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  </a:t>
            </a:r>
            <a:endParaRPr kumimoji="0" lang="fr-FR" sz="2000" b="1" i="0" u="none" strike="noStrike" kern="1200" cap="none" spc="0" normalizeH="0" baseline="0" noProof="0" dirty="0">
              <a:ln>
                <a:noFill/>
              </a:ln>
              <a:solidFill>
                <a:srgbClr val="B41284"/>
              </a:solidFill>
              <a:effectLst/>
              <a:uLnTx/>
              <a:uFillTx/>
              <a:latin typeface="Dstny Body"/>
              <a:ea typeface="+mn-ea"/>
              <a:cs typeface="Fira Sans Extra Condensed Medium"/>
              <a:sym typeface="Fira Sans Extra Condensed Medium"/>
            </a:endParaRPr>
          </a:p>
        </p:txBody>
      </p:sp>
      <p:sp>
        <p:nvSpPr>
          <p:cNvPr id="11" name="ZoneTexte 10">
            <a:extLst>
              <a:ext uri="{FF2B5EF4-FFF2-40B4-BE49-F238E27FC236}">
                <a16:creationId xmlns:a16="http://schemas.microsoft.com/office/drawing/2014/main" id="{CA0093F2-3941-33E6-81A5-297A492F8522}"/>
              </a:ext>
            </a:extLst>
          </p:cNvPr>
          <p:cNvSpPr txBox="1"/>
          <p:nvPr/>
        </p:nvSpPr>
        <p:spPr>
          <a:xfrm>
            <a:off x="3618439" y="6257430"/>
            <a:ext cx="730525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* Prix du numéro professionnel compris en portabilité, sur une base de 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licence SMART </a:t>
            </a: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au compteur </a:t>
            </a:r>
          </a:p>
        </p:txBody>
      </p:sp>
    </p:spTree>
    <p:extLst>
      <p:ext uri="{BB962C8B-B14F-4D97-AF65-F5344CB8AC3E}">
        <p14:creationId xmlns:p14="http://schemas.microsoft.com/office/powerpoint/2010/main" val="383773274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re 1">
            <a:extLst>
              <a:ext uri="{FF2B5EF4-FFF2-40B4-BE49-F238E27FC236}">
                <a16:creationId xmlns:a16="http://schemas.microsoft.com/office/drawing/2014/main" id="{37B3BD47-B942-C45E-BF6F-8CA30AB2ABB8}"/>
              </a:ext>
            </a:extLst>
          </p:cNvPr>
          <p:cNvSpPr txBox="1">
            <a:spLocks/>
          </p:cNvSpPr>
          <p:nvPr/>
        </p:nvSpPr>
        <p:spPr>
          <a:xfrm>
            <a:off x="446308" y="462071"/>
            <a:ext cx="11745691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LA MOBILITÉ DÉBRIDÉE </a:t>
            </a:r>
            <a:endParaRPr lang="fr-FR" dirty="0"/>
          </a:p>
        </p:txBody>
      </p:sp>
      <p:sp>
        <p:nvSpPr>
          <p:cNvPr id="3" name="ZoneTexte 46">
            <a:extLst>
              <a:ext uri="{FF2B5EF4-FFF2-40B4-BE49-F238E27FC236}">
                <a16:creationId xmlns:a16="http://schemas.microsoft.com/office/drawing/2014/main" id="{0577D627-0844-EC40-3B04-D881623AFC2A}"/>
              </a:ext>
            </a:extLst>
          </p:cNvPr>
          <p:cNvSpPr txBox="1"/>
          <p:nvPr/>
        </p:nvSpPr>
        <p:spPr>
          <a:xfrm>
            <a:off x="3594109" y="2733680"/>
            <a:ext cx="7113108" cy="25474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Wingdings" pitchFamily="2" charset="2"/>
              <a:buChar char="q"/>
              <a:tabLst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Sur site, en télétravail ou en mobilité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Une convergence native qui assure la joignabilité sans dépendre du réseau Data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Une identité professionnelle assurée avec la personnalisation du numéro présenté en temps réel (depuis l’application Mobile, Dstny web, et Microsoft Teams) 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Une collaboration améliorée grâce à la gestion de la présence synchronisée pour toutes les communications du numéro Mobile et de la ligne professionnelle, sur chaque terminal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Un abonnement fixe et mobile unique simplifiant les factures   </a:t>
            </a:r>
          </a:p>
        </p:txBody>
      </p:sp>
      <p:sp>
        <p:nvSpPr>
          <p:cNvPr id="2" name="Rectangle : coins arrondis 12">
            <a:extLst>
              <a:ext uri="{FF2B5EF4-FFF2-40B4-BE49-F238E27FC236}">
                <a16:creationId xmlns:a16="http://schemas.microsoft.com/office/drawing/2014/main" id="{854B2329-196E-76F8-2260-383CCE792A48}"/>
              </a:ext>
            </a:extLst>
          </p:cNvPr>
          <p:cNvSpPr/>
          <p:nvPr/>
        </p:nvSpPr>
        <p:spPr>
          <a:xfrm>
            <a:off x="828000" y="2732400"/>
            <a:ext cx="1782563" cy="3800475"/>
          </a:xfrm>
          <a:prstGeom prst="round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err="1"/>
          </a:p>
        </p:txBody>
      </p:sp>
      <p:sp>
        <p:nvSpPr>
          <p:cNvPr id="4" name="ZoneTexte 22">
            <a:extLst>
              <a:ext uri="{FF2B5EF4-FFF2-40B4-BE49-F238E27FC236}">
                <a16:creationId xmlns:a16="http://schemas.microsoft.com/office/drawing/2014/main" id="{E68DCED8-7577-3188-BD79-3A51DF968ACA}"/>
              </a:ext>
            </a:extLst>
          </p:cNvPr>
          <p:cNvSpPr txBox="1"/>
          <p:nvPr/>
        </p:nvSpPr>
        <p:spPr>
          <a:xfrm>
            <a:off x="925842" y="3819234"/>
            <a:ext cx="1586877" cy="178510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rtl="0"/>
            <a:r>
              <a:rPr lang="fr-FR" b="1" dirty="0">
                <a:solidFill>
                  <a:schemeClr val="bg1"/>
                </a:solidFill>
                <a:effectLst/>
              </a:rPr>
              <a:t>Profil mobile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Licence utilisateur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SMART</a:t>
            </a:r>
            <a:r>
              <a:rPr lang="fr-FR" sz="1200" dirty="0">
                <a:solidFill>
                  <a:schemeClr val="bg1"/>
                </a:solidFill>
                <a:effectLst/>
              </a:rPr>
              <a:t> &amp; Convergence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Mobile</a:t>
            </a:r>
          </a:p>
          <a:p>
            <a:pPr rtl="0"/>
            <a:endParaRPr lang="fr-FR" sz="400" dirty="0">
              <a:solidFill>
                <a:schemeClr val="bg1"/>
              </a:solidFill>
              <a:effectLst/>
            </a:endParaRPr>
          </a:p>
          <a:p>
            <a:pPr rtl="0"/>
            <a:r>
              <a:rPr lang="fr-FR" sz="1000" dirty="0">
                <a:solidFill>
                  <a:schemeClr val="bg1"/>
                </a:solidFill>
              </a:rPr>
              <a:t>Forfait OpenSIM Voix + Data</a:t>
            </a:r>
            <a:endParaRPr lang="fr-FR" sz="1000" b="1" dirty="0">
              <a:solidFill>
                <a:schemeClr val="bg1"/>
              </a:solidFill>
            </a:endParaRPr>
          </a:p>
          <a:p>
            <a:pPr rtl="0"/>
            <a:br>
              <a:rPr lang="fr-FR" sz="400" b="1" dirty="0">
                <a:solidFill>
                  <a:schemeClr val="bg1"/>
                </a:solidFill>
              </a:rPr>
            </a:br>
            <a:endParaRPr lang="fr-FR" sz="1200" dirty="0">
              <a:solidFill>
                <a:schemeClr val="bg1"/>
              </a:solidFill>
              <a:effectLst/>
            </a:endParaRPr>
          </a:p>
        </p:txBody>
      </p:sp>
      <p:pic>
        <p:nvPicPr>
          <p:cNvPr id="5" name="Image 28" descr="Une image contenant Téléphone mobile, texte, gadget, capture d’écran&#10;&#10;Description générée automatiquement">
            <a:extLst>
              <a:ext uri="{FF2B5EF4-FFF2-40B4-BE49-F238E27FC236}">
                <a16:creationId xmlns:a16="http://schemas.microsoft.com/office/drawing/2014/main" id="{79E37757-C4DA-3D0D-13B0-54E4CDC127BA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3921"/>
          <a:stretch/>
        </p:blipFill>
        <p:spPr>
          <a:xfrm>
            <a:off x="2054370" y="5529677"/>
            <a:ext cx="1112382" cy="1068765"/>
          </a:xfrm>
          <a:prstGeom prst="rect">
            <a:avLst/>
          </a:prstGeom>
        </p:spPr>
      </p:pic>
      <p:pic>
        <p:nvPicPr>
          <p:cNvPr id="6" name="Image 9" descr="Une image contenant art, cercle&#10;&#10;Description générée automatiquement">
            <a:extLst>
              <a:ext uri="{FF2B5EF4-FFF2-40B4-BE49-F238E27FC236}">
                <a16:creationId xmlns:a16="http://schemas.microsoft.com/office/drawing/2014/main" id="{0A40CD0B-97AA-DE52-E590-21CA8799BC73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9668" r="60010" b="59051"/>
          <a:stretch/>
        </p:blipFill>
        <p:spPr>
          <a:xfrm>
            <a:off x="513847" y="1253662"/>
            <a:ext cx="2410866" cy="2732624"/>
          </a:xfrm>
          <a:prstGeom prst="rect">
            <a:avLst/>
          </a:prstGeom>
        </p:spPr>
      </p:pic>
      <p:sp>
        <p:nvSpPr>
          <p:cNvPr id="7" name="ZoneTexte 11">
            <a:extLst>
              <a:ext uri="{FF2B5EF4-FFF2-40B4-BE49-F238E27FC236}">
                <a16:creationId xmlns:a16="http://schemas.microsoft.com/office/drawing/2014/main" id="{46A33318-F5C1-9A7B-5172-A7288CF34575}"/>
              </a:ext>
            </a:extLst>
          </p:cNvPr>
          <p:cNvSpPr txBox="1"/>
          <p:nvPr/>
        </p:nvSpPr>
        <p:spPr>
          <a:xfrm>
            <a:off x="3594109" y="6169024"/>
            <a:ext cx="730525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à partir de 18,25€* HT/ mois illimité France </a:t>
            </a: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 utilisateur - abonnement illimité Inter à 25,05€ HT   </a:t>
            </a:r>
          </a:p>
        </p:txBody>
      </p:sp>
      <p:sp>
        <p:nvSpPr>
          <p:cNvPr id="8" name="ZoneTexte 14">
            <a:extLst>
              <a:ext uri="{FF2B5EF4-FFF2-40B4-BE49-F238E27FC236}">
                <a16:creationId xmlns:a16="http://schemas.microsoft.com/office/drawing/2014/main" id="{0326624C-4F9F-E279-CE7C-0AEA1B02C496}"/>
              </a:ext>
            </a:extLst>
          </p:cNvPr>
          <p:cNvSpPr txBox="1"/>
          <p:nvPr/>
        </p:nvSpPr>
        <p:spPr>
          <a:xfrm>
            <a:off x="3618439" y="6395929"/>
            <a:ext cx="730525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* Prix du numéro professionnel compris en portabilité, sur une base de 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licence SMART </a:t>
            </a: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compteur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 </a:t>
            </a: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inclut un Mobile 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OpenSIM 20G </a:t>
            </a:r>
          </a:p>
        </p:txBody>
      </p:sp>
    </p:spTree>
    <p:extLst>
      <p:ext uri="{BB962C8B-B14F-4D97-AF65-F5344CB8AC3E}">
        <p14:creationId xmlns:p14="http://schemas.microsoft.com/office/powerpoint/2010/main" val="966670437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re 1">
            <a:extLst>
              <a:ext uri="{FF2B5EF4-FFF2-40B4-BE49-F238E27FC236}">
                <a16:creationId xmlns:a16="http://schemas.microsoft.com/office/drawing/2014/main" id="{37B3BD47-B942-C45E-BF6F-8CA30AB2ABB8}"/>
              </a:ext>
            </a:extLst>
          </p:cNvPr>
          <p:cNvSpPr txBox="1">
            <a:spLocks/>
          </p:cNvSpPr>
          <p:nvPr/>
        </p:nvSpPr>
        <p:spPr>
          <a:xfrm>
            <a:off x="446308" y="462071"/>
            <a:ext cx="11745691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LA PERFORMANCE DANS UN MONDE HYBRIDE</a:t>
            </a:r>
            <a:endParaRPr lang="fr-FR" dirty="0"/>
          </a:p>
        </p:txBody>
      </p:sp>
      <p:sp>
        <p:nvSpPr>
          <p:cNvPr id="3" name="ZoneTexte 46">
            <a:extLst>
              <a:ext uri="{FF2B5EF4-FFF2-40B4-BE49-F238E27FC236}">
                <a16:creationId xmlns:a16="http://schemas.microsoft.com/office/drawing/2014/main" id="{0577D627-0844-EC40-3B04-D881623AFC2A}"/>
              </a:ext>
            </a:extLst>
          </p:cNvPr>
          <p:cNvSpPr txBox="1"/>
          <p:nvPr/>
        </p:nvSpPr>
        <p:spPr>
          <a:xfrm>
            <a:off x="3618439" y="2578693"/>
            <a:ext cx="7113108" cy="287065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Wingdings" pitchFamily="2" charset="2"/>
              <a:buChar char="q"/>
              <a:tabLst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Sur site et/ ou en télétravail</a:t>
            </a:r>
          </a:p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Wingdings" pitchFamily="2" charset="2"/>
              <a:buChar char="q"/>
              <a:tabLst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Équipé d’un poste IP pour les communications &amp; de Microsoft Teams pour la collaboration 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La liberté pour chaque utilisateur de contrôler et de paramétrer sa téléphonie à distance  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La téléphonie d’entreprise libérée dans Microsoft Teams, pour assurer joignabilité en télétravail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Une présence synchronisée entre Teams et la téléphonie d’entreprise 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endParaRPr kumimoji="0" lang="fr-FR" sz="1400" b="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Inter" panose="02000503000000020004" pitchFamily="2" charset="0"/>
              <a:cs typeface="+mn-cs"/>
            </a:endParaRPr>
          </a:p>
        </p:txBody>
      </p:sp>
      <p:sp>
        <p:nvSpPr>
          <p:cNvPr id="2" name="Rectangle : coins arrondis 13">
            <a:extLst>
              <a:ext uri="{FF2B5EF4-FFF2-40B4-BE49-F238E27FC236}">
                <a16:creationId xmlns:a16="http://schemas.microsoft.com/office/drawing/2014/main" id="{7C530C7E-67B6-77ED-794C-D9701189098B}"/>
              </a:ext>
            </a:extLst>
          </p:cNvPr>
          <p:cNvSpPr/>
          <p:nvPr/>
        </p:nvSpPr>
        <p:spPr>
          <a:xfrm>
            <a:off x="828000" y="2732400"/>
            <a:ext cx="1782563" cy="3800475"/>
          </a:xfrm>
          <a:prstGeom prst="round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err="1"/>
          </a:p>
        </p:txBody>
      </p:sp>
      <p:sp>
        <p:nvSpPr>
          <p:cNvPr id="4" name="ZoneTexte 36">
            <a:extLst>
              <a:ext uri="{FF2B5EF4-FFF2-40B4-BE49-F238E27FC236}">
                <a16:creationId xmlns:a16="http://schemas.microsoft.com/office/drawing/2014/main" id="{A421F252-1340-21EE-4200-4A81572EEB33}"/>
              </a:ext>
            </a:extLst>
          </p:cNvPr>
          <p:cNvSpPr txBox="1"/>
          <p:nvPr/>
        </p:nvSpPr>
        <p:spPr>
          <a:xfrm>
            <a:off x="936478" y="3806398"/>
            <a:ext cx="1586877" cy="150810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rtl="0"/>
            <a:r>
              <a:rPr lang="fr-FR" b="1" dirty="0">
                <a:solidFill>
                  <a:schemeClr val="bg1"/>
                </a:solidFill>
                <a:effectLst/>
              </a:rPr>
              <a:t>Profil hybride 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r>
              <a:rPr lang="fr-FR" sz="1200" dirty="0">
                <a:solidFill>
                  <a:schemeClr val="bg1"/>
                </a:solidFill>
                <a:effectLst/>
              </a:rPr>
              <a:t>Licence utilisateur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SMART</a:t>
            </a:r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Intégration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Teams Connec</a:t>
            </a:r>
            <a:r>
              <a:rPr lang="fr-FR" sz="1200" b="1" dirty="0">
                <a:solidFill>
                  <a:schemeClr val="bg1"/>
                </a:solidFill>
              </a:rPr>
              <a:t>t Integral</a:t>
            </a:r>
            <a:endParaRPr lang="fr-FR" sz="1200" b="1" dirty="0">
              <a:solidFill>
                <a:schemeClr val="bg1"/>
              </a:solidFill>
              <a:effectLst/>
            </a:endParaRPr>
          </a:p>
          <a:p>
            <a:pPr rtl="0"/>
            <a:endParaRPr lang="fr-FR" sz="400" dirty="0">
              <a:solidFill>
                <a:schemeClr val="bg1"/>
              </a:solidFill>
              <a:effectLst/>
            </a:endParaRPr>
          </a:p>
        </p:txBody>
      </p:sp>
      <p:pic>
        <p:nvPicPr>
          <p:cNvPr id="5" name="Image 9" descr="Une image contenant art, cercle&#10;&#10;Description générée automatiquement">
            <a:extLst>
              <a:ext uri="{FF2B5EF4-FFF2-40B4-BE49-F238E27FC236}">
                <a16:creationId xmlns:a16="http://schemas.microsoft.com/office/drawing/2014/main" id="{3DE04C8C-197F-97D9-94AE-66030DC539B0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60014" r="19134" b="59051"/>
          <a:stretch/>
        </p:blipFill>
        <p:spPr>
          <a:xfrm>
            <a:off x="492991" y="1212381"/>
            <a:ext cx="2473851" cy="2732624"/>
          </a:xfrm>
          <a:prstGeom prst="rect">
            <a:avLst/>
          </a:prstGeom>
        </p:spPr>
      </p:pic>
      <p:pic>
        <p:nvPicPr>
          <p:cNvPr id="6" name="Picture 8" descr="Tote bag « Icône Microsoft Teams », par AGM97 | Redbubble">
            <a:extLst>
              <a:ext uri="{FF2B5EF4-FFF2-40B4-BE49-F238E27FC236}">
                <a16:creationId xmlns:a16="http://schemas.microsoft.com/office/drawing/2014/main" id="{E78E7A62-71F6-8FC9-DFAD-C371238743CC}"/>
              </a:ext>
            </a:extLst>
          </p:cNvPr>
          <p:cNvPicPr>
            <a:picLocks noChangeAspect="1"/>
          </p:cNvPicPr>
          <p:nvPr/>
        </p:nvPicPr>
        <p:blipFill>
          <a:blip r:embed="rId4"/>
          <a:srcRect/>
          <a:stretch>
            <a:fillRect/>
          </a:stretch>
        </p:blipFill>
        <p:spPr>
          <a:xfrm>
            <a:off x="2763608" y="5435103"/>
            <a:ext cx="520905" cy="665144"/>
          </a:xfrm>
          <a:prstGeom prst="rect">
            <a:avLst/>
          </a:prstGeom>
          <a:noFill/>
          <a:ln cap="flat">
            <a:noFill/>
          </a:ln>
        </p:spPr>
      </p:pic>
      <p:grpSp>
        <p:nvGrpSpPr>
          <p:cNvPr id="7" name="Group 6">
            <a:extLst>
              <a:ext uri="{FF2B5EF4-FFF2-40B4-BE49-F238E27FC236}">
                <a16:creationId xmlns:a16="http://schemas.microsoft.com/office/drawing/2014/main" id="{22CDFFB4-DFED-EB58-E54F-A0F7504BCAB2}"/>
              </a:ext>
            </a:extLst>
          </p:cNvPr>
          <p:cNvGrpSpPr/>
          <p:nvPr/>
        </p:nvGrpSpPr>
        <p:grpSpPr>
          <a:xfrm>
            <a:off x="1530086" y="5682676"/>
            <a:ext cx="1633766" cy="984588"/>
            <a:chOff x="6997118" y="5742311"/>
            <a:chExt cx="1633766" cy="984588"/>
          </a:xfrm>
        </p:grpSpPr>
        <p:pic>
          <p:nvPicPr>
            <p:cNvPr id="8" name="Image 40" descr="Une image contenant ordinateur, ordinateur portable, Périphérique de sortie, Netbook&#10;&#10;Description générée automatiquement">
              <a:extLst>
                <a:ext uri="{FF2B5EF4-FFF2-40B4-BE49-F238E27FC236}">
                  <a16:creationId xmlns:a16="http://schemas.microsoft.com/office/drawing/2014/main" id="{B56E4A93-8B5C-FAE3-6702-450622873963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17437" t="20262" r="19117" b="11765"/>
            <a:stretch/>
          </p:blipFill>
          <p:spPr>
            <a:xfrm>
              <a:off x="6997118" y="5742311"/>
              <a:ext cx="1633766" cy="984588"/>
            </a:xfrm>
            <a:prstGeom prst="rect">
              <a:avLst/>
            </a:prstGeom>
          </p:spPr>
        </p:pic>
        <p:pic>
          <p:nvPicPr>
            <p:cNvPr id="12" name="Picture 2" descr="Microsoft Teams Phone | Microsoft Teams">
              <a:extLst>
                <a:ext uri="{FF2B5EF4-FFF2-40B4-BE49-F238E27FC236}">
                  <a16:creationId xmlns:a16="http://schemas.microsoft.com/office/drawing/2014/main" id="{D284F19F-7327-3A5E-C6E6-DBFB3192D95B}"/>
                </a:ext>
              </a:extLst>
            </p:cNvPr>
            <p:cNvPicPr>
              <a:picLocks noChangeAspect="1"/>
            </p:cNvPicPr>
            <p:nvPr/>
          </p:nvPicPr>
          <p:blipFill rotWithShape="1">
            <a:blip r:embed="rId6"/>
            <a:srcRect r="18343"/>
            <a:stretch/>
          </p:blipFill>
          <p:spPr>
            <a:xfrm>
              <a:off x="7196949" y="5742311"/>
              <a:ext cx="1098825" cy="767951"/>
            </a:xfrm>
            <a:prstGeom prst="rect">
              <a:avLst/>
            </a:prstGeom>
            <a:noFill/>
            <a:ln cap="flat">
              <a:noFill/>
            </a:ln>
          </p:spPr>
        </p:pic>
      </p:grpSp>
      <p:sp>
        <p:nvSpPr>
          <p:cNvPr id="18" name="ZoneTexte 9">
            <a:extLst>
              <a:ext uri="{FF2B5EF4-FFF2-40B4-BE49-F238E27FC236}">
                <a16:creationId xmlns:a16="http://schemas.microsoft.com/office/drawing/2014/main" id="{C59019F7-0A94-A75F-E81F-74D0B040E8BD}"/>
              </a:ext>
            </a:extLst>
          </p:cNvPr>
          <p:cNvSpPr txBox="1"/>
          <p:nvPr/>
        </p:nvSpPr>
        <p:spPr>
          <a:xfrm>
            <a:off x="3618439" y="6081815"/>
            <a:ext cx="7305258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à partir de 7,75€ HT/ mois </a:t>
            </a: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 utilisateur – abonnement illimité à 13,75€ HT </a:t>
            </a:r>
          </a:p>
        </p:txBody>
      </p:sp>
      <p:sp>
        <p:nvSpPr>
          <p:cNvPr id="19" name="ZoneTexte 10">
            <a:extLst>
              <a:ext uri="{FF2B5EF4-FFF2-40B4-BE49-F238E27FC236}">
                <a16:creationId xmlns:a16="http://schemas.microsoft.com/office/drawing/2014/main" id="{45815974-ED5C-0666-DF03-A441244DFD87}"/>
              </a:ext>
            </a:extLst>
          </p:cNvPr>
          <p:cNvSpPr txBox="1"/>
          <p:nvPr/>
        </p:nvSpPr>
        <p:spPr>
          <a:xfrm>
            <a:off x="3642769" y="6308720"/>
            <a:ext cx="730525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* Prix du numéro professionnel compris en portabilité, sur une base de 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licence SMART </a:t>
            </a: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au compteur </a:t>
            </a:r>
          </a:p>
        </p:txBody>
      </p:sp>
    </p:spTree>
    <p:extLst>
      <p:ext uri="{BB962C8B-B14F-4D97-AF65-F5344CB8AC3E}">
        <p14:creationId xmlns:p14="http://schemas.microsoft.com/office/powerpoint/2010/main" val="171938478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re 1">
            <a:extLst>
              <a:ext uri="{FF2B5EF4-FFF2-40B4-BE49-F238E27FC236}">
                <a16:creationId xmlns:a16="http://schemas.microsoft.com/office/drawing/2014/main" id="{37B3BD47-B942-C45E-BF6F-8CA30AB2ABB8}"/>
              </a:ext>
            </a:extLst>
          </p:cNvPr>
          <p:cNvSpPr txBox="1">
            <a:spLocks/>
          </p:cNvSpPr>
          <p:nvPr/>
        </p:nvSpPr>
        <p:spPr>
          <a:xfrm>
            <a:off x="446308" y="462071"/>
            <a:ext cx="11745691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INTÉGRATIONS VERSUS MULTIPLICITÉ D’OUTILS</a:t>
            </a:r>
            <a:endParaRPr lang="fr-FR" dirty="0"/>
          </a:p>
        </p:txBody>
      </p:sp>
      <p:sp>
        <p:nvSpPr>
          <p:cNvPr id="3" name="ZoneTexte 46">
            <a:extLst>
              <a:ext uri="{FF2B5EF4-FFF2-40B4-BE49-F238E27FC236}">
                <a16:creationId xmlns:a16="http://schemas.microsoft.com/office/drawing/2014/main" id="{0577D627-0844-EC40-3B04-D881623AFC2A}"/>
              </a:ext>
            </a:extLst>
          </p:cNvPr>
          <p:cNvSpPr txBox="1"/>
          <p:nvPr/>
        </p:nvSpPr>
        <p:spPr>
          <a:xfrm>
            <a:off x="3594109" y="2733680"/>
            <a:ext cx="7113108" cy="254749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285750" marR="0" lvl="0" indent="-285750" algn="l" defTabSz="914400" rtl="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SzTx/>
              <a:buFont typeface="Wingdings" pitchFamily="2" charset="2"/>
              <a:buChar char="q"/>
              <a:tabLst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Sur site, en télétravail ou en mobilité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Une convergence native qui assure la joignabilité sans dépendre du réseau Data, une identité professionnelle grâce au choix du numéro présenté &amp; un abonnement unique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L’excellence de la Relation Clients grâce à la connexion au CRM de l’entreprise  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Une présence synchronisée pour tous les numéros et peu importe le terminal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Une expérience utilisateur fluide qui facilite la productivité </a:t>
            </a:r>
          </a:p>
          <a:p>
            <a:pPr marL="285750" indent="-285750">
              <a:lnSpc>
                <a:spcPct val="150000"/>
              </a:lnSpc>
              <a:buClr>
                <a:schemeClr val="accent1"/>
              </a:buClr>
              <a:buFont typeface="Wingdings" pitchFamily="2" charset="2"/>
              <a:buChar char="q"/>
              <a:defRPr/>
            </a:pPr>
            <a:r>
              <a:rPr kumimoji="0" lang="fr-FR" sz="14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Inter" panose="02000503000000020004" pitchFamily="2" charset="0"/>
                <a:cs typeface="+mn-cs"/>
              </a:rPr>
              <a:t>Des appels illimités vers la France et l’International*</a:t>
            </a:r>
          </a:p>
        </p:txBody>
      </p:sp>
      <p:sp>
        <p:nvSpPr>
          <p:cNvPr id="10" name="Rectangle : coins arrondis 15">
            <a:extLst>
              <a:ext uri="{FF2B5EF4-FFF2-40B4-BE49-F238E27FC236}">
                <a16:creationId xmlns:a16="http://schemas.microsoft.com/office/drawing/2014/main" id="{8BFD04AD-E903-3540-E53C-F373C2586DBD}"/>
              </a:ext>
            </a:extLst>
          </p:cNvPr>
          <p:cNvSpPr/>
          <p:nvPr/>
        </p:nvSpPr>
        <p:spPr>
          <a:xfrm>
            <a:off x="828000" y="2732400"/>
            <a:ext cx="1782563" cy="3800475"/>
          </a:xfrm>
          <a:prstGeom prst="round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err="1"/>
          </a:p>
        </p:txBody>
      </p:sp>
      <p:sp>
        <p:nvSpPr>
          <p:cNvPr id="11" name="ZoneTexte 39">
            <a:extLst>
              <a:ext uri="{FF2B5EF4-FFF2-40B4-BE49-F238E27FC236}">
                <a16:creationId xmlns:a16="http://schemas.microsoft.com/office/drawing/2014/main" id="{712068ED-AFB2-4BD2-67B8-36FC637F67FE}"/>
              </a:ext>
            </a:extLst>
          </p:cNvPr>
          <p:cNvSpPr txBox="1"/>
          <p:nvPr/>
        </p:nvSpPr>
        <p:spPr>
          <a:xfrm>
            <a:off x="916314" y="3623604"/>
            <a:ext cx="1586877" cy="156966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rtl="0"/>
            <a:r>
              <a:rPr lang="fr-FR" b="1" dirty="0">
                <a:solidFill>
                  <a:schemeClr val="bg1"/>
                </a:solidFill>
                <a:effectLst/>
              </a:rPr>
              <a:t>Profil connecté</a:t>
            </a:r>
          </a:p>
          <a:p>
            <a:pPr rtl="0"/>
            <a:endParaRPr lang="fr-FR" sz="400" dirty="0">
              <a:solidFill>
                <a:schemeClr val="bg1"/>
              </a:solidFill>
            </a:endParaRPr>
          </a:p>
          <a:p>
            <a:pPr rtl="0"/>
            <a:r>
              <a:rPr lang="fr-FR" sz="1200" dirty="0">
                <a:solidFill>
                  <a:schemeClr val="bg1"/>
                </a:solidFill>
                <a:effectLst/>
              </a:rPr>
              <a:t>Licence utilisateur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SMART+</a:t>
            </a:r>
            <a:r>
              <a:rPr lang="fr-FR" sz="1200" dirty="0">
                <a:solidFill>
                  <a:schemeClr val="bg1"/>
                </a:solidFill>
                <a:effectLst/>
              </a:rPr>
              <a:t> </a:t>
            </a:r>
            <a:r>
              <a:rPr lang="fr-FR" sz="1200" b="1" dirty="0">
                <a:solidFill>
                  <a:schemeClr val="bg1"/>
                </a:solidFill>
                <a:effectLst/>
              </a:rPr>
              <a:t>Mobile + Teams </a:t>
            </a:r>
          </a:p>
          <a:p>
            <a:pPr rtl="0"/>
            <a:endParaRPr lang="fr-FR" sz="400" dirty="0">
              <a:solidFill>
                <a:schemeClr val="bg1"/>
              </a:solidFill>
              <a:effectLst/>
            </a:endParaRPr>
          </a:p>
          <a:p>
            <a:pPr rtl="0"/>
            <a:br>
              <a:rPr lang="fr-FR" sz="400" b="1" dirty="0">
                <a:solidFill>
                  <a:schemeClr val="bg1"/>
                </a:solidFill>
              </a:rPr>
            </a:br>
            <a:endParaRPr lang="fr-FR" sz="1200" dirty="0">
              <a:solidFill>
                <a:schemeClr val="bg1"/>
              </a:solidFill>
              <a:effectLst/>
            </a:endParaRPr>
          </a:p>
        </p:txBody>
      </p:sp>
      <p:pic>
        <p:nvPicPr>
          <p:cNvPr id="12" name="Image 40" descr="Une image contenant ordinateur, ordinateur portable, Périphérique de sortie, Netbook&#10;&#10;Description générée automatiquement">
            <a:extLst>
              <a:ext uri="{FF2B5EF4-FFF2-40B4-BE49-F238E27FC236}">
                <a16:creationId xmlns:a16="http://schemas.microsoft.com/office/drawing/2014/main" id="{F92981EB-ADFD-5FA0-75FE-E3CB96C9BD6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7437" t="20262" r="19117" b="11765"/>
          <a:stretch/>
        </p:blipFill>
        <p:spPr>
          <a:xfrm>
            <a:off x="1527133" y="5676730"/>
            <a:ext cx="1633766" cy="984588"/>
          </a:xfrm>
          <a:prstGeom prst="rect">
            <a:avLst/>
          </a:prstGeom>
        </p:spPr>
      </p:pic>
      <p:pic>
        <p:nvPicPr>
          <p:cNvPr id="13" name="Image 41" descr="Une image contenant Téléphone mobile, texte, gadget, capture d’écran&#10;&#10;Description générée automatiquement">
            <a:extLst>
              <a:ext uri="{FF2B5EF4-FFF2-40B4-BE49-F238E27FC236}">
                <a16:creationId xmlns:a16="http://schemas.microsoft.com/office/drawing/2014/main" id="{80A346C0-A47D-0229-93F6-D2822EC7BC0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18594" y="5429157"/>
            <a:ext cx="1112382" cy="1112382"/>
          </a:xfrm>
          <a:prstGeom prst="rect">
            <a:avLst/>
          </a:prstGeom>
        </p:spPr>
      </p:pic>
      <p:pic>
        <p:nvPicPr>
          <p:cNvPr id="14" name="Image 9" descr="Une image contenant art, cercle&#10;&#10;Description générée automatiquement">
            <a:extLst>
              <a:ext uri="{FF2B5EF4-FFF2-40B4-BE49-F238E27FC236}">
                <a16:creationId xmlns:a16="http://schemas.microsoft.com/office/drawing/2014/main" id="{B668A69B-A7BE-CA02-FCD5-7566CC620D0D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0194" r="-1" b="59051"/>
          <a:stretch/>
        </p:blipFill>
        <p:spPr>
          <a:xfrm>
            <a:off x="534915" y="1029549"/>
            <a:ext cx="2349676" cy="2732624"/>
          </a:xfrm>
          <a:prstGeom prst="rect">
            <a:avLst/>
          </a:prstGeom>
        </p:spPr>
      </p:pic>
      <p:sp>
        <p:nvSpPr>
          <p:cNvPr id="15" name="ZoneTexte 10">
            <a:extLst>
              <a:ext uri="{FF2B5EF4-FFF2-40B4-BE49-F238E27FC236}">
                <a16:creationId xmlns:a16="http://schemas.microsoft.com/office/drawing/2014/main" id="{2282703C-3D25-972A-A904-A05BC9BEC8FA}"/>
              </a:ext>
            </a:extLst>
          </p:cNvPr>
          <p:cNvSpPr txBox="1"/>
          <p:nvPr/>
        </p:nvSpPr>
        <p:spPr>
          <a:xfrm>
            <a:off x="3594109" y="6176135"/>
            <a:ext cx="7727252" cy="215444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4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à partir de 32,75€* HT/ mois illimité </a:t>
            </a: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 utilisateur  </a:t>
            </a:r>
          </a:p>
        </p:txBody>
      </p:sp>
      <p:sp>
        <p:nvSpPr>
          <p:cNvPr id="16" name="ZoneTexte 32">
            <a:extLst>
              <a:ext uri="{FF2B5EF4-FFF2-40B4-BE49-F238E27FC236}">
                <a16:creationId xmlns:a16="http://schemas.microsoft.com/office/drawing/2014/main" id="{1B814284-0343-188A-3D6C-77CAE91E6919}"/>
              </a:ext>
            </a:extLst>
          </p:cNvPr>
          <p:cNvSpPr txBox="1"/>
          <p:nvPr/>
        </p:nvSpPr>
        <p:spPr>
          <a:xfrm>
            <a:off x="3618439" y="6403040"/>
            <a:ext cx="7305258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* Prix du numéro professionnel compris en portabilité, sur une base de 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licence</a:t>
            </a: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 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SMART+ </a:t>
            </a: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illimité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 </a:t>
            </a:r>
            <a:r>
              <a:rPr kumimoji="0" lang="fr-FR" sz="9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 inclut un Mobile </a:t>
            </a:r>
            <a:r>
              <a:rPr kumimoji="0" lang="fr-FR" sz="9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Fira Sans Extra Condensed Medium"/>
                <a:sym typeface="Fira Sans Extra Condensed Medium"/>
              </a:rPr>
              <a:t>OpenSIM 20G </a:t>
            </a:r>
          </a:p>
        </p:txBody>
      </p:sp>
    </p:spTree>
    <p:extLst>
      <p:ext uri="{BB962C8B-B14F-4D97-AF65-F5344CB8AC3E}">
        <p14:creationId xmlns:p14="http://schemas.microsoft.com/office/powerpoint/2010/main" val="3418750356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ZoneTexte 4">
            <a:extLst>
              <a:ext uri="{FF2B5EF4-FFF2-40B4-BE49-F238E27FC236}">
                <a16:creationId xmlns:a16="http://schemas.microsoft.com/office/drawing/2014/main" id="{A63BE9A8-3631-B993-1372-F5A50C3A686E}"/>
              </a:ext>
            </a:extLst>
          </p:cNvPr>
          <p:cNvSpPr txBox="1"/>
          <p:nvPr/>
        </p:nvSpPr>
        <p:spPr>
          <a:xfrm>
            <a:off x="326095" y="2690336"/>
            <a:ext cx="11539810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LES LICENCES UTILISATEURS &amp; TARIFS DE LA SOLUTION</a:t>
            </a:r>
          </a:p>
        </p:txBody>
      </p:sp>
    </p:spTree>
    <p:extLst>
      <p:ext uri="{BB962C8B-B14F-4D97-AF65-F5344CB8AC3E}">
        <p14:creationId xmlns:p14="http://schemas.microsoft.com/office/powerpoint/2010/main" val="46980415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Rectangle 33">
            <a:extLst>
              <a:ext uri="{FF2B5EF4-FFF2-40B4-BE49-F238E27FC236}">
                <a16:creationId xmlns:a16="http://schemas.microsoft.com/office/drawing/2014/main" id="{271CD12E-5BDB-3ABE-4B22-ED1A3A541363}"/>
              </a:ext>
            </a:extLst>
          </p:cNvPr>
          <p:cNvSpPr/>
          <p:nvPr/>
        </p:nvSpPr>
        <p:spPr>
          <a:xfrm>
            <a:off x="458716" y="4608650"/>
            <a:ext cx="9089495" cy="1017431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41" name="Rectangle : coins arrondis 40">
            <a:extLst>
              <a:ext uri="{FF2B5EF4-FFF2-40B4-BE49-F238E27FC236}">
                <a16:creationId xmlns:a16="http://schemas.microsoft.com/office/drawing/2014/main" id="{1A85587D-FE7F-F481-49C3-80B0528C7060}"/>
              </a:ext>
            </a:extLst>
          </p:cNvPr>
          <p:cNvSpPr/>
          <p:nvPr/>
        </p:nvSpPr>
        <p:spPr>
          <a:xfrm>
            <a:off x="3945003" y="1368237"/>
            <a:ext cx="2795165" cy="4726318"/>
          </a:xfrm>
          <a:prstGeom prst="roundRect">
            <a:avLst>
              <a:gd name="adj" fmla="val 4211"/>
            </a:avLst>
          </a:prstGeom>
          <a:solidFill>
            <a:schemeClr val="accent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1BA9B5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29" name="Rectangle : coins arrondis 28">
            <a:extLst>
              <a:ext uri="{FF2B5EF4-FFF2-40B4-BE49-F238E27FC236}">
                <a16:creationId xmlns:a16="http://schemas.microsoft.com/office/drawing/2014/main" id="{520758DE-8460-BB0F-2D1A-34E044DC3DCA}"/>
              </a:ext>
            </a:extLst>
          </p:cNvPr>
          <p:cNvSpPr/>
          <p:nvPr/>
        </p:nvSpPr>
        <p:spPr>
          <a:xfrm>
            <a:off x="446309" y="1848761"/>
            <a:ext cx="3460677" cy="4709160"/>
          </a:xfrm>
          <a:prstGeom prst="roundRect">
            <a:avLst>
              <a:gd name="adj" fmla="val 4211"/>
            </a:avLst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1BA9B5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14" name="Rectangle : coins arrondis 13">
            <a:extLst>
              <a:ext uri="{FF2B5EF4-FFF2-40B4-BE49-F238E27FC236}">
                <a16:creationId xmlns:a16="http://schemas.microsoft.com/office/drawing/2014/main" id="{CA779BED-CA21-01F4-3ADB-B5346030AACF}"/>
              </a:ext>
            </a:extLst>
          </p:cNvPr>
          <p:cNvSpPr/>
          <p:nvPr/>
        </p:nvSpPr>
        <p:spPr>
          <a:xfrm>
            <a:off x="6765453" y="1362071"/>
            <a:ext cx="2770351" cy="4726318"/>
          </a:xfrm>
          <a:prstGeom prst="roundRect">
            <a:avLst>
              <a:gd name="adj" fmla="val 4211"/>
            </a:avLst>
          </a:prstGeom>
          <a:solidFill>
            <a:schemeClr val="accent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1BA9B5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42" name="ZoneTexte 41">
            <a:extLst>
              <a:ext uri="{FF2B5EF4-FFF2-40B4-BE49-F238E27FC236}">
                <a16:creationId xmlns:a16="http://schemas.microsoft.com/office/drawing/2014/main" id="{E1015368-D09B-0FBD-1EDA-9B54636046E7}"/>
              </a:ext>
            </a:extLst>
          </p:cNvPr>
          <p:cNvSpPr txBox="1"/>
          <p:nvPr/>
        </p:nvSpPr>
        <p:spPr>
          <a:xfrm>
            <a:off x="4367776" y="1425372"/>
            <a:ext cx="1962354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8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SMART   </a:t>
            </a:r>
          </a:p>
        </p:txBody>
      </p:sp>
      <p:sp>
        <p:nvSpPr>
          <p:cNvPr id="15" name="ZoneTexte 14">
            <a:extLst>
              <a:ext uri="{FF2B5EF4-FFF2-40B4-BE49-F238E27FC236}">
                <a16:creationId xmlns:a16="http://schemas.microsoft.com/office/drawing/2014/main" id="{1E252E1B-4713-C449-C53C-CA4575C59B26}"/>
              </a:ext>
            </a:extLst>
          </p:cNvPr>
          <p:cNvSpPr txBox="1"/>
          <p:nvPr/>
        </p:nvSpPr>
        <p:spPr>
          <a:xfrm>
            <a:off x="7072834" y="1425372"/>
            <a:ext cx="2193776" cy="2769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800" b="1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SMART +</a:t>
            </a:r>
          </a:p>
        </p:txBody>
      </p:sp>
      <p:graphicFrame>
        <p:nvGraphicFramePr>
          <p:cNvPr id="10" name="Tableau 11">
            <a:extLst>
              <a:ext uri="{FF2B5EF4-FFF2-40B4-BE49-F238E27FC236}">
                <a16:creationId xmlns:a16="http://schemas.microsoft.com/office/drawing/2014/main" id="{524E6861-BF6C-A789-4571-A8BDF2FF4DE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60256492"/>
              </p:ext>
            </p:extLst>
          </p:nvPr>
        </p:nvGraphicFramePr>
        <p:xfrm>
          <a:off x="446309" y="1842595"/>
          <a:ext cx="9089495" cy="4251960"/>
        </p:xfrm>
        <a:graphic>
          <a:graphicData uri="http://schemas.openxmlformats.org/drawingml/2006/table">
            <a:tbl>
              <a:tblPr firstRow="1" bandRow="1">
                <a:tableStyleId>{9D7B26C5-4107-4FEC-AEDC-1716B250A1EF}</a:tableStyleId>
              </a:tblPr>
              <a:tblGrid>
                <a:gridCol w="3478530">
                  <a:extLst>
                    <a:ext uri="{9D8B030D-6E8A-4147-A177-3AD203B41FA5}">
                      <a16:colId xmlns:a16="http://schemas.microsoft.com/office/drawing/2014/main" val="2780049048"/>
                    </a:ext>
                  </a:extLst>
                </a:gridCol>
                <a:gridCol w="2829547">
                  <a:extLst>
                    <a:ext uri="{9D8B030D-6E8A-4147-A177-3AD203B41FA5}">
                      <a16:colId xmlns:a16="http://schemas.microsoft.com/office/drawing/2014/main" val="1901812237"/>
                    </a:ext>
                  </a:extLst>
                </a:gridCol>
                <a:gridCol w="2781418">
                  <a:extLst>
                    <a:ext uri="{9D8B030D-6E8A-4147-A177-3AD203B41FA5}">
                      <a16:colId xmlns:a16="http://schemas.microsoft.com/office/drawing/2014/main" val="2587973147"/>
                    </a:ext>
                  </a:extLst>
                </a:gridCol>
              </a:tblGrid>
              <a:tr h="443720">
                <a:tc>
                  <a:txBody>
                    <a:bodyPr/>
                    <a:lstStyle/>
                    <a:p>
                      <a:r>
                        <a:rPr lang="fr-FR" sz="1600" b="0" dirty="0"/>
                        <a:t>Numéro Professionnel Fixe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428950910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fr-FR" sz="1600" b="0" dirty="0"/>
                        <a:t>Téléphonie d’entreprise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12074485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fr-FR" sz="1600" b="0" dirty="0"/>
                        <a:t>Auto-provisioning des postes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42668363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fr-FR" sz="1600" b="0" dirty="0"/>
                        <a:t>Teams Connect </a:t>
                      </a:r>
                    </a:p>
                    <a:p>
                      <a:r>
                        <a:rPr kumimoji="0" lang="fr-FR" sz="11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000000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paramétrez votre téléphonie dans MS Teams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93229753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fr-FR" sz="1600" b="0" dirty="0"/>
                        <a:t>Softphone PC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endParaRPr lang="fr-FR" sz="24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99060223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fr-FR" sz="1600" b="0" dirty="0"/>
                        <a:t>Collaboration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endParaRPr lang="fr-FR" sz="24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4029453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fr-FR" sz="1600" b="0" dirty="0"/>
                        <a:t>Intégration CRM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9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endParaRPr lang="fr-FR" sz="2400" b="1" dirty="0">
                        <a:solidFill>
                          <a:schemeClr val="bg1"/>
                        </a:solidFill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342900" indent="-342900" algn="ctr">
                        <a:buFont typeface="Wingdings" pitchFamily="2" charset="2"/>
                        <a:buChar char="ü"/>
                      </a:pPr>
                      <a:r>
                        <a:rPr lang="fr-FR" sz="2400" b="1" dirty="0">
                          <a:solidFill>
                            <a:schemeClr val="bg1"/>
                          </a:solidFill>
                        </a:rPr>
                        <a:t>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103256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fr-FR" sz="1600" b="0" dirty="0"/>
                        <a:t>Mobile convergent </a:t>
                      </a:r>
                    </a:p>
                    <a:p>
                      <a:r>
                        <a:rPr lang="fr-FR" sz="1100" b="0" dirty="0"/>
                        <a:t>Dstny OpenSIM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fr-FR" sz="1400" b="0" dirty="0">
                          <a:solidFill>
                            <a:schemeClr val="bg1"/>
                          </a:solidFill>
                        </a:rPr>
                        <a:t>En option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fr-FR" sz="1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FFFFFF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En option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6988352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r>
                        <a:rPr lang="fr-FR" sz="1600" b="0" dirty="0"/>
                        <a:t>Intégration Call2Teams</a:t>
                      </a:r>
                    </a:p>
                    <a:p>
                      <a:r>
                        <a:rPr lang="fr-FR" sz="1100" b="0" dirty="0"/>
                        <a:t>appelez depuis MS Teams **</a:t>
                      </a:r>
                      <a:endParaRPr lang="fr-FR" sz="1000" b="0" dirty="0"/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7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fr-FR" sz="1400" b="0" dirty="0">
                          <a:solidFill>
                            <a:schemeClr val="bg1"/>
                          </a:solidFill>
                        </a:rPr>
                        <a:t>En option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tc>
                  <a:txBody>
                    <a:bodyPr/>
                    <a:lstStyle/>
                    <a:p>
                      <a:pPr marL="0" marR="0" lvl="0" indent="0" algn="ctr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kumimoji="0" lang="fr-FR" sz="1400" b="0" i="0" u="none" strike="noStrike" kern="1200" cap="none" spc="0" normalizeH="0" baseline="0" noProof="0" dirty="0">
                          <a:ln>
                            <a:noFill/>
                          </a:ln>
                          <a:solidFill>
                            <a:srgbClr val="FFFFFF"/>
                          </a:solidFill>
                          <a:effectLst/>
                          <a:uLnTx/>
                          <a:uFillTx/>
                          <a:latin typeface="+mn-lt"/>
                          <a:ea typeface="+mn-ea"/>
                          <a:cs typeface="+mn-cs"/>
                        </a:rPr>
                        <a:t>En option 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bg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369351083"/>
                  </a:ext>
                </a:extLst>
              </a:tr>
            </a:tbl>
          </a:graphicData>
        </a:graphic>
      </p:graphicFrame>
      <p:sp>
        <p:nvSpPr>
          <p:cNvPr id="49" name="ZoneTexte 48">
            <a:extLst>
              <a:ext uri="{FF2B5EF4-FFF2-40B4-BE49-F238E27FC236}">
                <a16:creationId xmlns:a16="http://schemas.microsoft.com/office/drawing/2014/main" id="{9D430F8D-67E8-7109-40DA-60CAC37E4333}"/>
              </a:ext>
            </a:extLst>
          </p:cNvPr>
          <p:cNvSpPr txBox="1"/>
          <p:nvPr/>
        </p:nvSpPr>
        <p:spPr>
          <a:xfrm>
            <a:off x="446309" y="6300812"/>
            <a:ext cx="7881328" cy="246221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**nécessite la licence Microsoft Teams Phone Standard 7,5€ HT/ mois</a:t>
            </a:r>
          </a:p>
        </p:txBody>
      </p:sp>
      <p:sp>
        <p:nvSpPr>
          <p:cNvPr id="3" name="Titre 1">
            <a:extLst>
              <a:ext uri="{FF2B5EF4-FFF2-40B4-BE49-F238E27FC236}">
                <a16:creationId xmlns:a16="http://schemas.microsoft.com/office/drawing/2014/main" id="{7F5358A9-D3BF-249C-5F32-26464D2C511F}"/>
              </a:ext>
            </a:extLst>
          </p:cNvPr>
          <p:cNvSpPr txBox="1">
            <a:spLocks/>
          </p:cNvSpPr>
          <p:nvPr/>
        </p:nvSpPr>
        <p:spPr>
          <a:xfrm>
            <a:off x="446308" y="462071"/>
            <a:ext cx="11745691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LES LICENCES MBCAAS ET LEURS FONCTIONNALITÉS</a:t>
            </a:r>
            <a:endParaRPr lang="fr-FR" dirty="0"/>
          </a:p>
        </p:txBody>
      </p:sp>
    </p:spTree>
    <p:extLst>
      <p:ext uri="{BB962C8B-B14F-4D97-AF65-F5344CB8AC3E}">
        <p14:creationId xmlns:p14="http://schemas.microsoft.com/office/powerpoint/2010/main" val="291918394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Image 2" descr="Une image contenant capture d’écran, collage&#10;&#10;Description générée automatiquement">
            <a:extLst>
              <a:ext uri="{FF2B5EF4-FFF2-40B4-BE49-F238E27FC236}">
                <a16:creationId xmlns:a16="http://schemas.microsoft.com/office/drawing/2014/main" id="{1026207C-AC02-C1B1-B6AE-6F4142111350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0" y="0"/>
            <a:ext cx="12192000" cy="6858000"/>
          </a:xfrm>
          <a:prstGeom prst="rect">
            <a:avLst/>
          </a:prstGeom>
        </p:spPr>
      </p:pic>
      <p:sp>
        <p:nvSpPr>
          <p:cNvPr id="9" name="ZoneTexte 8">
            <a:extLst>
              <a:ext uri="{FF2B5EF4-FFF2-40B4-BE49-F238E27FC236}">
                <a16:creationId xmlns:a16="http://schemas.microsoft.com/office/drawing/2014/main" id="{64CD4964-C3E7-AD0F-9F1C-A9316BFA7AA1}"/>
              </a:ext>
            </a:extLst>
          </p:cNvPr>
          <p:cNvSpPr txBox="1"/>
          <p:nvPr/>
        </p:nvSpPr>
        <p:spPr>
          <a:xfrm>
            <a:off x="2357985" y="769506"/>
            <a:ext cx="1463040" cy="123110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1600" dirty="0">
                <a:solidFill>
                  <a:srgbClr val="000000"/>
                </a:solidFill>
                <a:latin typeface="Dstny Body"/>
              </a:rPr>
              <a:t>+1000</a:t>
            </a: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Destinians dans 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7 pays Européens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1600" dirty="0">
                <a:solidFill>
                  <a:srgbClr val="000000"/>
                </a:solidFill>
                <a:latin typeface="Dstny Body"/>
              </a:rPr>
              <a:t>200 en France</a:t>
            </a:r>
            <a:endParaRPr kumimoji="0" lang="fr-FR" sz="1600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10" name="ZoneTexte 9">
            <a:extLst>
              <a:ext uri="{FF2B5EF4-FFF2-40B4-BE49-F238E27FC236}">
                <a16:creationId xmlns:a16="http://schemas.microsoft.com/office/drawing/2014/main" id="{C7A7F9E4-1AFD-D630-B348-52804B6A728E}"/>
              </a:ext>
            </a:extLst>
          </p:cNvPr>
          <p:cNvSpPr txBox="1"/>
          <p:nvPr/>
        </p:nvSpPr>
        <p:spPr>
          <a:xfrm>
            <a:off x="4383024" y="892616"/>
            <a:ext cx="1463040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7 acquisitions technologiques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à 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valeur ajoutée </a:t>
            </a:r>
          </a:p>
        </p:txBody>
      </p:sp>
      <p:sp>
        <p:nvSpPr>
          <p:cNvPr id="11" name="ZoneTexte 10">
            <a:extLst>
              <a:ext uri="{FF2B5EF4-FFF2-40B4-BE49-F238E27FC236}">
                <a16:creationId xmlns:a16="http://schemas.microsoft.com/office/drawing/2014/main" id="{5897A16E-5B4C-83D8-C01F-DAFD0C39DE3D}"/>
              </a:ext>
            </a:extLst>
          </p:cNvPr>
          <p:cNvSpPr txBox="1"/>
          <p:nvPr/>
        </p:nvSpPr>
        <p:spPr>
          <a:xfrm>
            <a:off x="8243627" y="892616"/>
            <a:ext cx="1615440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230M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de 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revenue</a:t>
            </a: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en 2022 (56M en France) </a:t>
            </a:r>
          </a:p>
        </p:txBody>
      </p:sp>
      <p:sp>
        <p:nvSpPr>
          <p:cNvPr id="12" name="ZoneTexte 11">
            <a:extLst>
              <a:ext uri="{FF2B5EF4-FFF2-40B4-BE49-F238E27FC236}">
                <a16:creationId xmlns:a16="http://schemas.microsoft.com/office/drawing/2014/main" id="{FF2F5564-B19C-6514-563F-0595A3410B5F}"/>
              </a:ext>
            </a:extLst>
          </p:cNvPr>
          <p:cNvSpPr txBox="1"/>
          <p:nvPr/>
        </p:nvSpPr>
        <p:spPr>
          <a:xfrm>
            <a:off x="6236368" y="2961654"/>
            <a:ext cx="1615440" cy="80021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+ de </a:t>
            </a:r>
            <a:r>
              <a:rPr kumimoji="0" lang="fr-FR" sz="20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3,2M</a:t>
            </a: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d’utilisateurs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Dstny </a:t>
            </a:r>
          </a:p>
        </p:txBody>
      </p:sp>
      <p:sp>
        <p:nvSpPr>
          <p:cNvPr id="13" name="ZoneTexte 12">
            <a:extLst>
              <a:ext uri="{FF2B5EF4-FFF2-40B4-BE49-F238E27FC236}">
                <a16:creationId xmlns:a16="http://schemas.microsoft.com/office/drawing/2014/main" id="{570BE325-18EB-E3D9-D17C-DF8680CCECB2}"/>
              </a:ext>
            </a:extLst>
          </p:cNvPr>
          <p:cNvSpPr txBox="1"/>
          <p:nvPr/>
        </p:nvSpPr>
        <p:spPr>
          <a:xfrm>
            <a:off x="2281785" y="4881884"/>
            <a:ext cx="1615440" cy="106182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+ de 20 000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Clients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500" b="1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+ de 1 500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Partenaires</a:t>
            </a: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    </a:t>
            </a:r>
          </a:p>
        </p:txBody>
      </p:sp>
      <p:sp>
        <p:nvSpPr>
          <p:cNvPr id="15" name="ZoneTexte 14">
            <a:extLst>
              <a:ext uri="{FF2B5EF4-FFF2-40B4-BE49-F238E27FC236}">
                <a16:creationId xmlns:a16="http://schemas.microsoft.com/office/drawing/2014/main" id="{4BE45DA1-83C1-CE62-9E51-9369808E1E0C}"/>
              </a:ext>
            </a:extLst>
          </p:cNvPr>
          <p:cNvSpPr txBox="1"/>
          <p:nvPr/>
        </p:nvSpPr>
        <p:spPr>
          <a:xfrm>
            <a:off x="383033" y="2807766"/>
            <a:ext cx="1463040" cy="11079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dirty="0">
                <a:solidFill>
                  <a:srgbClr val="000000"/>
                </a:solidFill>
                <a:latin typeface="Dstny Body"/>
              </a:rPr>
              <a:t>C</a:t>
            </a:r>
            <a:r>
              <a:rPr kumimoji="0" lang="fr-FR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réée en </a:t>
            </a:r>
            <a:r>
              <a:rPr kumimoji="0" lang="fr-FR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2008</a:t>
            </a:r>
            <a:r>
              <a:rPr kumimoji="0" lang="fr-FR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par le duo de frères De Wever  </a:t>
            </a:r>
          </a:p>
        </p:txBody>
      </p:sp>
      <p:sp>
        <p:nvSpPr>
          <p:cNvPr id="16" name="ZoneTexte 15">
            <a:extLst>
              <a:ext uri="{FF2B5EF4-FFF2-40B4-BE49-F238E27FC236}">
                <a16:creationId xmlns:a16="http://schemas.microsoft.com/office/drawing/2014/main" id="{9475E46F-0346-6C92-F52F-02745323ABB3}"/>
              </a:ext>
            </a:extLst>
          </p:cNvPr>
          <p:cNvSpPr txBox="1"/>
          <p:nvPr/>
        </p:nvSpPr>
        <p:spPr>
          <a:xfrm>
            <a:off x="8389878" y="4674134"/>
            <a:ext cx="1469189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Reconnue 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leader</a:t>
            </a: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en 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croissance et innovation </a:t>
            </a: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industrielle par Frost &amp; Sullivan </a:t>
            </a:r>
          </a:p>
        </p:txBody>
      </p:sp>
      <p:sp>
        <p:nvSpPr>
          <p:cNvPr id="17" name="ZoneTexte 16">
            <a:extLst>
              <a:ext uri="{FF2B5EF4-FFF2-40B4-BE49-F238E27FC236}">
                <a16:creationId xmlns:a16="http://schemas.microsoft.com/office/drawing/2014/main" id="{F6AE98AD-258D-C691-64ED-4B0AC7ADA96F}"/>
              </a:ext>
            </a:extLst>
          </p:cNvPr>
          <p:cNvSpPr txBox="1"/>
          <p:nvPr/>
        </p:nvSpPr>
        <p:spPr>
          <a:xfrm>
            <a:off x="4306824" y="4958828"/>
            <a:ext cx="1615440" cy="984885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Un 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backbone</a:t>
            </a: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européen</a:t>
            </a:r>
            <a:r>
              <a:rPr kumimoji="0" lang="fr-FR" sz="1600" b="0" i="0" u="none" strike="noStrike" kern="1200" cap="none" spc="0" normalizeH="0" baseline="0" noProof="0" dirty="0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rPr>
              <a:t> avec 30 points de présence </a:t>
            </a:r>
          </a:p>
        </p:txBody>
      </p:sp>
      <p:sp>
        <p:nvSpPr>
          <p:cNvPr id="18" name="ZoneTexte 17">
            <a:extLst>
              <a:ext uri="{FF2B5EF4-FFF2-40B4-BE49-F238E27FC236}">
                <a16:creationId xmlns:a16="http://schemas.microsoft.com/office/drawing/2014/main" id="{F2D8E465-78A5-7828-6890-AD13D6EBFB1D}"/>
              </a:ext>
            </a:extLst>
          </p:cNvPr>
          <p:cNvSpPr txBox="1"/>
          <p:nvPr/>
        </p:nvSpPr>
        <p:spPr>
          <a:xfrm>
            <a:off x="5352288" y="3992148"/>
            <a:ext cx="569976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100" b="0" i="0" u="none" strike="noStrike" kern="120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Dstny Headline"/>
                <a:ea typeface="+mn-ea"/>
                <a:cs typeface="+mn-cs"/>
              </a:rPr>
              <a:t>GROUP</a:t>
            </a:r>
          </a:p>
        </p:txBody>
      </p:sp>
      <p:sp>
        <p:nvSpPr>
          <p:cNvPr id="5" name="ZoneTexte 4">
            <a:extLst>
              <a:ext uri="{FF2B5EF4-FFF2-40B4-BE49-F238E27FC236}">
                <a16:creationId xmlns:a16="http://schemas.microsoft.com/office/drawing/2014/main" id="{5B1D3384-7082-BB7E-80D1-B6862FFF96F2}"/>
              </a:ext>
            </a:extLst>
          </p:cNvPr>
          <p:cNvSpPr txBox="1"/>
          <p:nvPr/>
        </p:nvSpPr>
        <p:spPr>
          <a:xfrm>
            <a:off x="10231105" y="2646519"/>
            <a:ext cx="1615440" cy="147732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lvl="0" algn="ctr">
              <a:defRPr/>
            </a:pPr>
            <a:r>
              <a:rPr lang="fr-FR" sz="1600" dirty="0">
                <a:solidFill>
                  <a:srgbClr val="000000"/>
                </a:solidFill>
                <a:latin typeface="Dstny Body"/>
              </a:rPr>
              <a:t>7 points de présence en datacenters français </a:t>
            </a:r>
            <a:r>
              <a:rPr lang="fr-FR" sz="1600" b="1" dirty="0">
                <a:solidFill>
                  <a:srgbClr val="000000"/>
                </a:solidFill>
                <a:latin typeface="Dstny Body"/>
              </a:rPr>
              <a:t>certifiés ISO 27001 et HDS </a:t>
            </a:r>
            <a:endParaRPr kumimoji="0" lang="fr-FR" sz="1600" b="1" i="0" u="none" strike="noStrike" kern="1200" cap="none" spc="0" normalizeH="0" baseline="0" noProof="0" dirty="0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2875343605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tangle 3">
            <a:extLst>
              <a:ext uri="{FF2B5EF4-FFF2-40B4-BE49-F238E27FC236}">
                <a16:creationId xmlns:a16="http://schemas.microsoft.com/office/drawing/2014/main" id="{9F14926E-179F-19F1-9BCB-FF7BC9384DC8}"/>
              </a:ext>
            </a:extLst>
          </p:cNvPr>
          <p:cNvSpPr/>
          <p:nvPr/>
        </p:nvSpPr>
        <p:spPr>
          <a:xfrm>
            <a:off x="11141765" y="6182139"/>
            <a:ext cx="745435" cy="381835"/>
          </a:xfrm>
          <a:prstGeom prst="rect">
            <a:avLst/>
          </a:prstGeom>
          <a:solidFill>
            <a:schemeClr val="bg1"/>
          </a:solidFill>
          <a:ln>
            <a:solidFill>
              <a:schemeClr val="bg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FR" noProof="0" dirty="0" err="1"/>
          </a:p>
        </p:txBody>
      </p:sp>
      <p:sp>
        <p:nvSpPr>
          <p:cNvPr id="7" name="ZoneTexte 6">
            <a:extLst>
              <a:ext uri="{FF2B5EF4-FFF2-40B4-BE49-F238E27FC236}">
                <a16:creationId xmlns:a16="http://schemas.microsoft.com/office/drawing/2014/main" id="{8D707BBF-6D68-1529-AF0C-43A0656DAEA6}"/>
              </a:ext>
            </a:extLst>
          </p:cNvPr>
          <p:cNvSpPr txBox="1"/>
          <p:nvPr/>
        </p:nvSpPr>
        <p:spPr>
          <a:xfrm>
            <a:off x="446308" y="1727198"/>
            <a:ext cx="1963259" cy="61555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514350"/>
            <a:r>
              <a:rPr lang="fr-FR" sz="1000" b="1" i="1" dirty="0">
                <a:solidFill>
                  <a:srgbClr val="000000"/>
                </a:solidFill>
                <a:latin typeface="Dstny Body"/>
              </a:rPr>
              <a:t>Type :</a:t>
            </a:r>
          </a:p>
          <a:p>
            <a:pPr marL="160734" indent="-160734" defTabSz="514350">
              <a:buFont typeface="Arial" panose="020B0604020202020204" pitchFamily="34" charset="0"/>
              <a:buChar char="•"/>
            </a:pPr>
            <a:r>
              <a:rPr lang="fr-FR" sz="1000" b="1" i="1" dirty="0">
                <a:solidFill>
                  <a:srgbClr val="000000"/>
                </a:solidFill>
                <a:latin typeface="Dstny Body"/>
              </a:rPr>
              <a:t>A : Abonnement</a:t>
            </a:r>
          </a:p>
          <a:p>
            <a:pPr marL="160734" indent="-160734" defTabSz="514350">
              <a:buFont typeface="Arial" panose="020B0604020202020204" pitchFamily="34" charset="0"/>
              <a:buChar char="•"/>
            </a:pPr>
            <a:r>
              <a:rPr lang="fr-FR" sz="1000" b="1" i="1" dirty="0">
                <a:solidFill>
                  <a:srgbClr val="000000"/>
                </a:solidFill>
                <a:latin typeface="Dstny Body"/>
              </a:rPr>
              <a:t>F : Frais de mise en service (FMS)</a:t>
            </a:r>
          </a:p>
        </p:txBody>
      </p:sp>
      <p:sp>
        <p:nvSpPr>
          <p:cNvPr id="10" name="Rectangle 9">
            <a:extLst>
              <a:ext uri="{FF2B5EF4-FFF2-40B4-BE49-F238E27FC236}">
                <a16:creationId xmlns:a16="http://schemas.microsoft.com/office/drawing/2014/main" id="{3A6ACF9F-E407-68B9-763D-8D44D4305A20}"/>
              </a:ext>
            </a:extLst>
          </p:cNvPr>
          <p:cNvSpPr/>
          <p:nvPr/>
        </p:nvSpPr>
        <p:spPr>
          <a:xfrm>
            <a:off x="44012" y="6697725"/>
            <a:ext cx="5468092" cy="113128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0500" tIns="20250" rIns="40500" bIns="20250" rtlCol="0" anchor="ctr"/>
          <a:lstStyle/>
          <a:p>
            <a:pPr algn="ctr" defTabSz="514350"/>
            <a:endParaRPr lang="fr-FR" sz="1013" dirty="0" err="1">
              <a:solidFill>
                <a:srgbClr val="FFFFFF"/>
              </a:solidFill>
              <a:latin typeface="Dstny Body"/>
            </a:endParaRPr>
          </a:p>
        </p:txBody>
      </p:sp>
      <p:sp>
        <p:nvSpPr>
          <p:cNvPr id="16" name="ZoneTexte 15">
            <a:extLst>
              <a:ext uri="{FF2B5EF4-FFF2-40B4-BE49-F238E27FC236}">
                <a16:creationId xmlns:a16="http://schemas.microsoft.com/office/drawing/2014/main" id="{B8170704-2003-9856-CAC5-2827C0607648}"/>
              </a:ext>
            </a:extLst>
          </p:cNvPr>
          <p:cNvSpPr txBox="1"/>
          <p:nvPr/>
        </p:nvSpPr>
        <p:spPr>
          <a:xfrm>
            <a:off x="413525" y="1197570"/>
            <a:ext cx="4039842" cy="32900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defTabSz="514350"/>
            <a:r>
              <a:rPr lang="fr-FR" sz="1350" dirty="0">
                <a:solidFill>
                  <a:srgbClr val="000000"/>
                </a:solidFill>
                <a:latin typeface="Dstny Headline"/>
              </a:rPr>
              <a:t>Septembre –Décembre 2023</a:t>
            </a:r>
          </a:p>
          <a:p>
            <a:pPr defTabSz="514350"/>
            <a:r>
              <a:rPr lang="fr-FR" sz="788" i="1" dirty="0">
                <a:solidFill>
                  <a:srgbClr val="000000"/>
                </a:solidFill>
                <a:latin typeface="Dstny Body"/>
              </a:rPr>
              <a:t>Prix public</a:t>
            </a:r>
          </a:p>
        </p:txBody>
      </p:sp>
      <p:pic>
        <p:nvPicPr>
          <p:cNvPr id="18" name="Graphique 17">
            <a:extLst>
              <a:ext uri="{FF2B5EF4-FFF2-40B4-BE49-F238E27FC236}">
                <a16:creationId xmlns:a16="http://schemas.microsoft.com/office/drawing/2014/main" id="{CE0C7483-E38E-5DD4-37E1-9438FCD7800B}"/>
              </a:ext>
            </a:extLst>
          </p:cNvPr>
          <p:cNvPicPr>
            <a:picLocks noChangeAspect="1"/>
          </p:cNvPicPr>
          <p:nvPr>
            <p:custDataLst>
              <p:tags r:id="rId3"/>
            </p:custDataLst>
          </p:nvPr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rcRect/>
          <a:stretch>
            <a:fillRect/>
          </a:stretch>
        </p:blipFill>
        <p:spPr>
          <a:xfrm>
            <a:off x="180448" y="6404722"/>
            <a:ext cx="466155" cy="159252"/>
          </a:xfrm>
          <a:prstGeom prst="rect">
            <a:avLst/>
          </a:prstGeom>
        </p:spPr>
      </p:pic>
      <p:graphicFrame>
        <p:nvGraphicFramePr>
          <p:cNvPr id="5" name="Tableau 3">
            <a:extLst>
              <a:ext uri="{FF2B5EF4-FFF2-40B4-BE49-F238E27FC236}">
                <a16:creationId xmlns:a16="http://schemas.microsoft.com/office/drawing/2014/main" id="{EB3E7574-C317-9909-EC23-8FD87B68EE5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305062430"/>
              </p:ext>
            </p:extLst>
          </p:nvPr>
        </p:nvGraphicFramePr>
        <p:xfrm>
          <a:off x="5630617" y="47147"/>
          <a:ext cx="6380935" cy="6771600"/>
        </p:xfrm>
        <a:graphic>
          <a:graphicData uri="http://schemas.openxmlformats.org/drawingml/2006/table">
            <a:tbl>
              <a:tblPr>
                <a:tableStyleId>{9D7B26C5-4107-4FEC-AEDC-1716B250A1EF}</a:tableStyleId>
              </a:tblPr>
              <a:tblGrid>
                <a:gridCol w="4058089">
                  <a:extLst>
                    <a:ext uri="{9D8B030D-6E8A-4147-A177-3AD203B41FA5}">
                      <a16:colId xmlns:a16="http://schemas.microsoft.com/office/drawing/2014/main" val="1596653448"/>
                    </a:ext>
                  </a:extLst>
                </a:gridCol>
                <a:gridCol w="836945">
                  <a:extLst>
                    <a:ext uri="{9D8B030D-6E8A-4147-A177-3AD203B41FA5}">
                      <a16:colId xmlns:a16="http://schemas.microsoft.com/office/drawing/2014/main" val="1887313902"/>
                    </a:ext>
                  </a:extLst>
                </a:gridCol>
                <a:gridCol w="1485901">
                  <a:extLst>
                    <a:ext uri="{9D8B030D-6E8A-4147-A177-3AD203B41FA5}">
                      <a16:colId xmlns:a16="http://schemas.microsoft.com/office/drawing/2014/main" val="2361110857"/>
                    </a:ext>
                  </a:extLst>
                </a:gridCol>
              </a:tblGrid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  <a:latin typeface="+mj-lt"/>
                        </a:rPr>
                        <a:t>Description</a:t>
                      </a:r>
                      <a:endParaRPr lang="fr-FR" sz="1100" b="1" i="0" u="none" strike="noStrike" dirty="0">
                        <a:solidFill>
                          <a:srgbClr val="000000"/>
                        </a:solidFill>
                        <a:effectLst/>
                        <a:latin typeface="+mj-lt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ype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  <a:latin typeface="+mj-lt"/>
                        </a:rPr>
                        <a:t>Prix unitaire HT</a:t>
                      </a:r>
                      <a:endParaRPr lang="fr-FR" sz="1100" b="1" i="0" u="none" strike="noStrike" dirty="0">
                        <a:solidFill>
                          <a:srgbClr val="000000"/>
                        </a:solidFill>
                        <a:effectLst/>
                        <a:latin typeface="+mj-lt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466021150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  <a:latin typeface="+mj-lt"/>
                        </a:rPr>
                        <a:t>Licence Utilisateur</a:t>
                      </a:r>
                      <a:endParaRPr lang="fr-FR" sz="1100" b="1" i="0" u="none" strike="noStrike" dirty="0">
                        <a:solidFill>
                          <a:srgbClr val="000000"/>
                        </a:solidFill>
                        <a:effectLst/>
                        <a:latin typeface="+mj-lt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endParaRPr lang="fr-FR" sz="11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 </a:t>
                      </a:r>
                      <a:endParaRPr lang="fr-FR" sz="1100" b="1" i="0" u="none" strike="noStrike" dirty="0">
                        <a:solidFill>
                          <a:srgbClr val="000000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68685173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Licence  </a:t>
                      </a:r>
                      <a:r>
                        <a:rPr lang="fr-FR" sz="1100" b="1" u="none" strike="noStrike" dirty="0">
                          <a:solidFill>
                            <a:schemeClr val="accent1"/>
                          </a:solidFill>
                          <a:effectLst/>
                        </a:rPr>
                        <a:t>Smart</a:t>
                      </a:r>
                      <a:r>
                        <a:rPr lang="fr-FR" sz="1100" u="none" strike="noStrike" dirty="0">
                          <a:effectLst/>
                        </a:rPr>
                        <a:t> | Compteur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3,9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64376357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Licence  </a:t>
                      </a:r>
                      <a:r>
                        <a:rPr lang="fr-FR" sz="1100" b="1" u="none" strike="noStrike" dirty="0">
                          <a:solidFill>
                            <a:schemeClr val="accent1"/>
                          </a:solidFill>
                          <a:effectLst/>
                        </a:rPr>
                        <a:t>Smart</a:t>
                      </a:r>
                      <a:r>
                        <a:rPr lang="fr-FR" sz="1100" u="none" strike="noStrike" dirty="0">
                          <a:effectLst/>
                        </a:rPr>
                        <a:t> | Illimité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9,9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06683778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Licence  </a:t>
                      </a:r>
                      <a:r>
                        <a:rPr lang="fr-FR" sz="1100" b="1" u="none" strike="noStrike" dirty="0">
                          <a:solidFill>
                            <a:schemeClr val="accent3"/>
                          </a:solidFill>
                          <a:effectLst/>
                        </a:rPr>
                        <a:t>Smart</a:t>
                      </a:r>
                      <a:r>
                        <a:rPr lang="fr-FR" sz="1100" u="none" strike="noStrike" dirty="0">
                          <a:solidFill>
                            <a:schemeClr val="accent3"/>
                          </a:solidFill>
                          <a:effectLst/>
                        </a:rPr>
                        <a:t>+</a:t>
                      </a:r>
                      <a:r>
                        <a:rPr lang="fr-FR" sz="1100" u="none" strike="noStrike" dirty="0">
                          <a:effectLst/>
                        </a:rPr>
                        <a:t> | Compteur</a:t>
                      </a:r>
                      <a:endParaRPr lang="fr-FR" sz="1100" b="0" i="0" u="none" strike="noStrike" dirty="0">
                        <a:solidFill>
                          <a:srgbClr val="B41284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8,9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76791490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Licence  </a:t>
                      </a:r>
                      <a:r>
                        <a:rPr lang="fr-FR" sz="1100" b="1" u="none" strike="noStrike" dirty="0">
                          <a:solidFill>
                            <a:schemeClr val="accent3"/>
                          </a:solidFill>
                          <a:effectLst/>
                        </a:rPr>
                        <a:t>Smart+ </a:t>
                      </a:r>
                      <a:r>
                        <a:rPr lang="fr-FR" sz="1100" u="none" strike="noStrike" dirty="0">
                          <a:effectLst/>
                        </a:rPr>
                        <a:t>| Illimité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14,9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183494356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  <a:latin typeface="+mj-lt"/>
                        </a:rPr>
                        <a:t>Options</a:t>
                      </a:r>
                      <a:endParaRPr lang="fr-FR" sz="1100" b="1" i="0" u="none" strike="noStrike" dirty="0">
                        <a:solidFill>
                          <a:srgbClr val="4D4D4D"/>
                        </a:solidFill>
                        <a:effectLst/>
                        <a:latin typeface="+mj-lt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 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70297070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Groupement d’appels compteur – </a:t>
                      </a:r>
                      <a:r>
                        <a:rPr lang="fr-FR" sz="1100" u="none" strike="noStrike">
                          <a:effectLst/>
                        </a:rPr>
                        <a:t>1</a:t>
                      </a:r>
                      <a:r>
                        <a:rPr lang="fr-FR" sz="1100" u="none" strike="noStrike" baseline="30000">
                          <a:effectLst/>
                        </a:rPr>
                        <a:t>er</a:t>
                      </a:r>
                      <a:r>
                        <a:rPr lang="fr-FR" sz="1100" u="none" strike="noStrike">
                          <a:effectLst/>
                        </a:rPr>
                        <a:t> offert 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3,5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640532180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marL="0" algn="l" defTabSz="162744" rtl="0" eaLnBrk="1" fontAlgn="ctr" latinLnBrk="0" hangingPunct="1"/>
                      <a:r>
                        <a:rPr lang="fr-FR" sz="1100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Groupement d’appels illimité 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+mn-lt"/>
                        </a:rPr>
                        <a:t>11,30 €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948810616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marL="0" algn="l" defTabSz="162744" rtl="0" eaLnBrk="1" fontAlgn="ctr" latinLnBrk="0" hangingPunct="1"/>
                      <a:r>
                        <a:rPr lang="fr-FR" sz="1100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Groupement d’appels avancé compteur 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+mn-lt"/>
                        </a:rPr>
                        <a:t>13,80 €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672857997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marL="0" marR="0" lvl="0" indent="0" algn="l" defTabSz="162744" rtl="0" eaLnBrk="1" fontAlgn="ctr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fr-FR" sz="1100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Groupement d’appels avancé illimité 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+mn-lt"/>
                        </a:rPr>
                        <a:t>21,90 €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192569222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marL="0" algn="l" defTabSz="162744" rtl="0" eaLnBrk="1" fontAlgn="ctr" latinLnBrk="0" hangingPunct="1"/>
                      <a:r>
                        <a:rPr lang="fr-FR" sz="1100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erveur Vocal Interactif (SVI) compteur - 1er offert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2,3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07437589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marL="0" marR="0" lvl="0" indent="0" algn="l" defTabSz="162744" rtl="0" eaLnBrk="1" fontAlgn="ctr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fr-FR" sz="1100" u="none" strike="noStrike" kern="1200" dirty="0">
                          <a:solidFill>
                            <a:schemeClr val="tx1"/>
                          </a:solidFill>
                          <a:effectLst/>
                          <a:latin typeface="+mn-lt"/>
                          <a:ea typeface="+mn-ea"/>
                          <a:cs typeface="+mn-cs"/>
                        </a:rPr>
                        <a:t>Serveur Vocal Interactif (SVI) illimité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+mn-lt"/>
                        </a:rPr>
                        <a:t>9,90 €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79760296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Call2Teams 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3,5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571289515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Tableau de bord temps réel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25,0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957778397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Analytics avancés </a:t>
                      </a:r>
                      <a:r>
                        <a:rPr lang="fr-FR" sz="700" b="1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(par utilisateurs actifs) </a:t>
                      </a:r>
                      <a:endParaRPr lang="fr-FR" sz="1100" b="1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+mn-lt"/>
                        </a:rPr>
                        <a:t>0,70 €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480395051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b="0" u="none" strike="noStrike" dirty="0">
                          <a:solidFill>
                            <a:schemeClr val="accent3"/>
                          </a:solidFill>
                          <a:effectLst/>
                        </a:rPr>
                        <a:t>Fonctionnalités superviseur et statistiques </a:t>
                      </a:r>
                      <a:endParaRPr lang="fr-FR" sz="1100" b="0" i="0" u="none" strike="noStrike" dirty="0">
                        <a:solidFill>
                          <a:schemeClr val="accent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5,0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337820189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b="0" u="none" strike="noStrike" dirty="0">
                          <a:solidFill>
                            <a:schemeClr val="accent3"/>
                          </a:solidFill>
                          <a:effectLst/>
                        </a:rPr>
                        <a:t>Fonctionnalités superviseur avancées </a:t>
                      </a:r>
                      <a:r>
                        <a:rPr lang="fr-FR" sz="700" b="1" u="none" strike="noStrike" dirty="0">
                          <a:solidFill>
                            <a:schemeClr val="accent3"/>
                          </a:solidFill>
                          <a:effectLst/>
                        </a:rPr>
                        <a:t>(disponible prochainement) </a:t>
                      </a:r>
                      <a:endParaRPr lang="fr-FR" sz="800" b="1" i="0" u="none" strike="noStrike" dirty="0">
                        <a:solidFill>
                          <a:schemeClr val="accent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3,3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031374217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  <a:latin typeface="+mj-lt"/>
                        </a:rPr>
                        <a:t>Forfaits Mobile Bouygues Convergents</a:t>
                      </a:r>
                      <a:endParaRPr lang="fr-FR" sz="1100" b="1" i="0" u="none" strike="noStrike" dirty="0">
                        <a:solidFill>
                          <a:srgbClr val="4D4D4D"/>
                        </a:solidFill>
                        <a:effectLst/>
                        <a:latin typeface="+mj-lt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 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70983960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Forfait Smartphone | Illimités + Compteur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5,0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599043884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Forfait Smartphone| Illimités + 1 Go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6,9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2498241015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Forfait Smartphone | Illimités + 5 Go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11,5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82953626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Forfait Smartphone | Illimités + 20 Go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14,0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348493242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Forfait Smartphone | Illimités + 60 Go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19,0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84226001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Forfait Smartphone | Illimités + 100 Go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27,0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894967735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  <a:latin typeface="+mj-lt"/>
                        </a:rPr>
                        <a:t>Cartes SIM</a:t>
                      </a:r>
                      <a:endParaRPr lang="fr-FR" sz="1100" b="1" i="0" u="none" strike="noStrike" dirty="0">
                        <a:solidFill>
                          <a:srgbClr val="4D4D4D"/>
                        </a:solidFill>
                        <a:effectLst/>
                        <a:latin typeface="+mj-lt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 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69270427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>
                          <a:effectLst/>
                        </a:rPr>
                        <a:t>Format SIM triple découpe</a:t>
                      </a:r>
                      <a:endParaRPr lang="fr-FR" sz="1100" b="0" i="0" u="none" strike="noStrike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F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2,5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4687798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  <a:latin typeface="+mj-lt"/>
                        </a:rPr>
                        <a:t>Numéros professionnels</a:t>
                      </a:r>
                      <a:endParaRPr lang="fr-FR" sz="1100" b="1" i="0" u="none" strike="noStrike" dirty="0">
                        <a:solidFill>
                          <a:srgbClr val="4D4D4D"/>
                        </a:solidFill>
                        <a:effectLst/>
                        <a:latin typeface="+mj-lt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 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7271463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Numéros en création </a:t>
                      </a:r>
                      <a:r>
                        <a:rPr lang="fr-FR" sz="700" b="1" u="none" strike="noStrike" dirty="0">
                          <a:effectLst/>
                        </a:rPr>
                        <a:t>(non géographique) </a:t>
                      </a:r>
                      <a:endParaRPr lang="fr-FR" sz="700" b="1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0,25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346427761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solidFill>
                            <a:schemeClr val="accent2"/>
                          </a:solidFill>
                          <a:effectLst/>
                        </a:rPr>
                        <a:t>Numéros en portabilité </a:t>
                      </a:r>
                      <a:endParaRPr lang="fr-FR" sz="1100" b="0" i="0" u="none" strike="noStrike" dirty="0">
                        <a:solidFill>
                          <a:schemeClr val="accent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0,35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1714184605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solidFill>
                            <a:schemeClr val="accent2"/>
                          </a:solidFill>
                          <a:effectLst/>
                        </a:rPr>
                        <a:t>Frais de portabilité d'un numéro existant </a:t>
                      </a:r>
                      <a:endParaRPr lang="fr-FR" sz="1100" b="0" i="0" u="none" strike="noStrike" dirty="0">
                        <a:solidFill>
                          <a:schemeClr val="accent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F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9,0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3154911795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  <a:latin typeface="+mj-lt"/>
                        </a:rPr>
                        <a:t>Communications </a:t>
                      </a:r>
                      <a:endParaRPr lang="fr-FR" sz="1100" b="1" i="0" u="none" strike="noStrike" dirty="0">
                        <a:solidFill>
                          <a:srgbClr val="4D4D4D"/>
                        </a:solidFill>
                        <a:effectLst/>
                        <a:latin typeface="+mj-lt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 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  <a:solidFill>
                      <a:schemeClr val="bg1">
                        <a:lumMod val="85000"/>
                      </a:schemeClr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98312865"/>
                  </a:ext>
                </a:extLst>
              </a:tr>
              <a:tr h="205200">
                <a:tc>
                  <a:txBody>
                    <a:bodyPr/>
                    <a:lstStyle/>
                    <a:p>
                      <a:pPr algn="l" fontAlgn="ctr"/>
                      <a:r>
                        <a:rPr lang="fr-FR" sz="1100" u="none" strike="noStrike" dirty="0">
                          <a:effectLst/>
                        </a:rPr>
                        <a:t>2 canaux entrants supplémentaires 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ctr" fontAlgn="ctr"/>
                      <a:r>
                        <a:rPr lang="fr-FR" sz="1100" b="0" i="0" u="none" strike="noStrike" dirty="0">
                          <a:solidFill>
                            <a:srgbClr val="4D4D4D"/>
                          </a:solidFill>
                          <a:effectLst/>
                          <a:latin typeface="Arial" panose="020B0604020202020204" pitchFamily="34" charset="0"/>
                        </a:rPr>
                        <a:t>A</a:t>
                      </a: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fr-FR" sz="1100" u="none" strike="noStrike" dirty="0">
                          <a:effectLst/>
                        </a:rPr>
                        <a:t>9,00 €</a:t>
                      </a:r>
                      <a:endParaRPr lang="fr-FR" sz="1100" b="0" i="0" u="none" strike="noStrike" dirty="0">
                        <a:solidFill>
                          <a:srgbClr val="4D4D4D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0" marR="0" marT="0" marB="0" anchor="ctr">
                    <a:lnL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noFill/>
                      <a:prstDash val="solid"/>
                      <a:round/>
                      <a:headEnd type="none" w="med" len="med"/>
                      <a:tailEnd type="none" w="med" len="med"/>
                    </a:lnB>
                    <a:lnTlToBr w="12700" cmpd="sng">
                      <a:noFill/>
                      <a:prstDash val="solid"/>
                    </a:lnTlToBr>
                    <a:lnBlToTr w="12700" cmpd="sng">
                      <a:noFill/>
                      <a:prstDash val="solid"/>
                    </a:lnBlToTr>
                  </a:tcPr>
                </a:tc>
                <a:extLst>
                  <a:ext uri="{0D108BD9-81ED-4DB2-BD59-A6C34878D82A}">
                    <a16:rowId xmlns:a16="http://schemas.microsoft.com/office/drawing/2014/main" val="4254807894"/>
                  </a:ext>
                </a:extLst>
              </a:tr>
            </a:tbl>
          </a:graphicData>
        </a:graphic>
      </p:graphicFrame>
      <p:sp>
        <p:nvSpPr>
          <p:cNvPr id="8" name="Titre 1">
            <a:extLst>
              <a:ext uri="{FF2B5EF4-FFF2-40B4-BE49-F238E27FC236}">
                <a16:creationId xmlns:a16="http://schemas.microsoft.com/office/drawing/2014/main" id="{8171E7B6-96AD-38E2-9CEE-A167FA03AE9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6309" y="462071"/>
            <a:ext cx="11919680" cy="900000"/>
          </a:xfrm>
        </p:spPr>
        <p:txBody>
          <a:bodyPr/>
          <a:lstStyle/>
          <a:p>
            <a:r>
              <a:rPr lang="fr-FR" dirty="0">
                <a:latin typeface="+mj-lt"/>
                <a:sym typeface="Wingdings" pitchFamily="2" charset="2"/>
              </a:rPr>
              <a:t>LES TARIFS </a:t>
            </a:r>
            <a:endParaRPr lang="fr-FR" dirty="0">
              <a:latin typeface="+mj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21796783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6" name="Arc partiel 55">
            <a:extLst>
              <a:ext uri="{FF2B5EF4-FFF2-40B4-BE49-F238E27FC236}">
                <a16:creationId xmlns:a16="http://schemas.microsoft.com/office/drawing/2014/main" id="{A42B09E5-2EDD-924E-6175-56E13EAE71DF}"/>
              </a:ext>
            </a:extLst>
          </p:cNvPr>
          <p:cNvSpPr/>
          <p:nvPr/>
        </p:nvSpPr>
        <p:spPr>
          <a:xfrm>
            <a:off x="3131536" y="1036590"/>
            <a:ext cx="4680000" cy="4680000"/>
          </a:xfrm>
          <a:prstGeom prst="pie">
            <a:avLst>
              <a:gd name="adj1" fmla="val 11508021"/>
              <a:gd name="adj2" fmla="val 15296448"/>
            </a:avLst>
          </a:prstGeom>
          <a:solidFill>
            <a:schemeClr val="accent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53" name="Arc partiel 52">
            <a:extLst>
              <a:ext uri="{FF2B5EF4-FFF2-40B4-BE49-F238E27FC236}">
                <a16:creationId xmlns:a16="http://schemas.microsoft.com/office/drawing/2014/main" id="{AE8E8A57-C269-9612-A58E-45C29EC77757}"/>
              </a:ext>
            </a:extLst>
          </p:cNvPr>
          <p:cNvSpPr/>
          <p:nvPr/>
        </p:nvSpPr>
        <p:spPr>
          <a:xfrm>
            <a:off x="3345608" y="1181810"/>
            <a:ext cx="4320000" cy="4320000"/>
          </a:xfrm>
          <a:prstGeom prst="pie">
            <a:avLst>
              <a:gd name="adj1" fmla="val 9907846"/>
              <a:gd name="adj2" fmla="val 16180605"/>
            </a:avLst>
          </a:prstGeom>
          <a:solidFill>
            <a:schemeClr val="accent2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cxnSp>
        <p:nvCxnSpPr>
          <p:cNvPr id="66" name="Connecteur droit 65">
            <a:extLst>
              <a:ext uri="{FF2B5EF4-FFF2-40B4-BE49-F238E27FC236}">
                <a16:creationId xmlns:a16="http://schemas.microsoft.com/office/drawing/2014/main" id="{9317341C-611C-FE29-ADEC-BD0056EF6223}"/>
              </a:ext>
            </a:extLst>
          </p:cNvPr>
          <p:cNvCxnSpPr>
            <a:cxnSpLocks/>
            <a:stCxn id="67" idx="6"/>
          </p:cNvCxnSpPr>
          <p:nvPr/>
        </p:nvCxnSpPr>
        <p:spPr>
          <a:xfrm>
            <a:off x="2446453" y="1836229"/>
            <a:ext cx="1040735" cy="483306"/>
          </a:xfrm>
          <a:prstGeom prst="line">
            <a:avLst/>
          </a:prstGeom>
          <a:ln w="6350">
            <a:solidFill>
              <a:schemeClr val="accent1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67" name="Cercle : creux 66">
            <a:extLst>
              <a:ext uri="{FF2B5EF4-FFF2-40B4-BE49-F238E27FC236}">
                <a16:creationId xmlns:a16="http://schemas.microsoft.com/office/drawing/2014/main" id="{AC7010FC-CF60-DFE7-02C4-C89D0D50847B}"/>
              </a:ext>
            </a:extLst>
          </p:cNvPr>
          <p:cNvSpPr/>
          <p:nvPr/>
        </p:nvSpPr>
        <p:spPr>
          <a:xfrm>
            <a:off x="1827253" y="1514029"/>
            <a:ext cx="619200" cy="644400"/>
          </a:xfrm>
          <a:prstGeom prst="donut">
            <a:avLst>
              <a:gd name="adj" fmla="val 8937"/>
            </a:avLst>
          </a:prstGeom>
          <a:solidFill>
            <a:schemeClr val="accent1"/>
          </a:solidFill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cxnSp>
        <p:nvCxnSpPr>
          <p:cNvPr id="74" name="Connecteur droit 73">
            <a:extLst>
              <a:ext uri="{FF2B5EF4-FFF2-40B4-BE49-F238E27FC236}">
                <a16:creationId xmlns:a16="http://schemas.microsoft.com/office/drawing/2014/main" id="{297B98D0-3D9B-A137-F230-AF6D4FE25A23}"/>
              </a:ext>
            </a:extLst>
          </p:cNvPr>
          <p:cNvCxnSpPr>
            <a:cxnSpLocks/>
            <a:stCxn id="75" idx="6"/>
            <a:endCxn id="53" idx="2"/>
          </p:cNvCxnSpPr>
          <p:nvPr/>
        </p:nvCxnSpPr>
        <p:spPr>
          <a:xfrm>
            <a:off x="2182313" y="3093896"/>
            <a:ext cx="1163295" cy="247914"/>
          </a:xfrm>
          <a:prstGeom prst="line">
            <a:avLst/>
          </a:prstGeom>
          <a:ln w="6350">
            <a:solidFill>
              <a:schemeClr val="accent2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5" name="Cercle : creux 74">
            <a:extLst>
              <a:ext uri="{FF2B5EF4-FFF2-40B4-BE49-F238E27FC236}">
                <a16:creationId xmlns:a16="http://schemas.microsoft.com/office/drawing/2014/main" id="{C41F907C-41CF-83C3-0A63-272A5EA3FDD4}"/>
              </a:ext>
            </a:extLst>
          </p:cNvPr>
          <p:cNvSpPr/>
          <p:nvPr/>
        </p:nvSpPr>
        <p:spPr>
          <a:xfrm>
            <a:off x="1563113" y="2771696"/>
            <a:ext cx="619200" cy="644400"/>
          </a:xfrm>
          <a:prstGeom prst="donut">
            <a:avLst>
              <a:gd name="adj" fmla="val 8937"/>
            </a:avLst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89" name="ZoneTexte 88">
            <a:extLst>
              <a:ext uri="{FF2B5EF4-FFF2-40B4-BE49-F238E27FC236}">
                <a16:creationId xmlns:a16="http://schemas.microsoft.com/office/drawing/2014/main" id="{6D500C41-0206-B357-9F62-59F52A10C9E8}"/>
              </a:ext>
            </a:extLst>
          </p:cNvPr>
          <p:cNvSpPr txBox="1"/>
          <p:nvPr/>
        </p:nvSpPr>
        <p:spPr>
          <a:xfrm>
            <a:off x="773016" y="1504786"/>
            <a:ext cx="767839" cy="438582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800" b="1" i="0" u="none" strike="noStrike" kern="1200" cap="none" spc="0" normalizeH="0" baseline="0" noProof="0" dirty="0">
                <a:ln>
                  <a:noFill/>
                </a:ln>
                <a:solidFill>
                  <a:srgbClr val="1BA9B5"/>
                </a:solidFill>
                <a:effectLst/>
                <a:uLnTx/>
                <a:uFillTx/>
                <a:ea typeface="+mn-ea"/>
                <a:cs typeface="+mn-cs"/>
              </a:rPr>
              <a:t>20-49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50" b="1" i="0" u="none" strike="noStrike" kern="1200" cap="none" spc="0" normalizeH="0" baseline="0" noProof="0" dirty="0">
                <a:ln>
                  <a:noFill/>
                </a:ln>
                <a:solidFill>
                  <a:srgbClr val="1BA9B5"/>
                </a:solidFill>
                <a:effectLst/>
                <a:uLnTx/>
                <a:uFillTx/>
                <a:ea typeface="+mn-ea"/>
                <a:cs typeface="+mn-cs"/>
              </a:rPr>
              <a:t>utilisateurs</a:t>
            </a:r>
            <a:endParaRPr kumimoji="0" lang="fr-FR" sz="1800" b="1" i="0" u="none" strike="noStrike" kern="1200" cap="none" spc="0" normalizeH="0" baseline="0" noProof="0" dirty="0">
              <a:ln>
                <a:noFill/>
              </a:ln>
              <a:solidFill>
                <a:srgbClr val="1BA9B5"/>
              </a:solidFill>
              <a:effectLst/>
              <a:uLnTx/>
              <a:uFillTx/>
              <a:ea typeface="+mn-ea"/>
              <a:cs typeface="+mn-cs"/>
            </a:endParaRPr>
          </a:p>
        </p:txBody>
      </p:sp>
      <p:sp>
        <p:nvSpPr>
          <p:cNvPr id="90" name="ZoneTexte 89">
            <a:extLst>
              <a:ext uri="{FF2B5EF4-FFF2-40B4-BE49-F238E27FC236}">
                <a16:creationId xmlns:a16="http://schemas.microsoft.com/office/drawing/2014/main" id="{1D4B45B3-B5AA-21F6-CF87-ED03CDF6DF38}"/>
              </a:ext>
            </a:extLst>
          </p:cNvPr>
          <p:cNvSpPr txBox="1"/>
          <p:nvPr/>
        </p:nvSpPr>
        <p:spPr>
          <a:xfrm>
            <a:off x="613890" y="2663009"/>
            <a:ext cx="864019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800" b="1" i="0" u="none" strike="noStrike" kern="1200" cap="none" spc="0" normalizeH="0" baseline="0" noProof="0" dirty="0">
                <a:ln>
                  <a:noFill/>
                </a:ln>
                <a:solidFill>
                  <a:srgbClr val="FE9305"/>
                </a:solidFill>
                <a:effectLst/>
                <a:uLnTx/>
                <a:uFillTx/>
                <a:ea typeface="+mn-ea"/>
                <a:cs typeface="+mn-cs"/>
              </a:rPr>
              <a:t>50-199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rgbClr val="FE9305"/>
                </a:solidFill>
                <a:effectLst/>
                <a:uLnTx/>
                <a:uFillTx/>
                <a:ea typeface="+mn-ea"/>
                <a:cs typeface="+mn-cs"/>
              </a:rPr>
              <a:t>utilisateurs</a:t>
            </a:r>
          </a:p>
        </p:txBody>
      </p:sp>
      <p:pic>
        <p:nvPicPr>
          <p:cNvPr id="3" name="Graphique 2">
            <a:extLst>
              <a:ext uri="{FF2B5EF4-FFF2-40B4-BE49-F238E27FC236}">
                <a16:creationId xmlns:a16="http://schemas.microsoft.com/office/drawing/2014/main" id="{B928879A-C38A-7033-B5F0-CB54F5B3F71B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30125" y="4489113"/>
            <a:ext cx="441958" cy="438081"/>
          </a:xfrm>
          <a:prstGeom prst="rect">
            <a:avLst/>
          </a:prstGeom>
        </p:spPr>
      </p:pic>
      <p:sp>
        <p:nvSpPr>
          <p:cNvPr id="5" name="Arc partiel 52">
            <a:extLst>
              <a:ext uri="{FF2B5EF4-FFF2-40B4-BE49-F238E27FC236}">
                <a16:creationId xmlns:a16="http://schemas.microsoft.com/office/drawing/2014/main" id="{4D856334-2A8B-453A-8755-8F74385E04A6}"/>
              </a:ext>
            </a:extLst>
          </p:cNvPr>
          <p:cNvSpPr/>
          <p:nvPr/>
        </p:nvSpPr>
        <p:spPr>
          <a:xfrm>
            <a:off x="3498493" y="1255491"/>
            <a:ext cx="4320000" cy="4320000"/>
          </a:xfrm>
          <a:prstGeom prst="pie">
            <a:avLst>
              <a:gd name="adj1" fmla="val 8628539"/>
              <a:gd name="adj2" fmla="val 16180605"/>
            </a:avLst>
          </a:prstGeom>
          <a:solidFill>
            <a:schemeClr val="accent4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7" name="Arc partiel 52">
            <a:extLst>
              <a:ext uri="{FF2B5EF4-FFF2-40B4-BE49-F238E27FC236}">
                <a16:creationId xmlns:a16="http://schemas.microsoft.com/office/drawing/2014/main" id="{61DD7F9D-CFD8-0541-863C-853E9D16848B}"/>
              </a:ext>
            </a:extLst>
          </p:cNvPr>
          <p:cNvSpPr/>
          <p:nvPr/>
        </p:nvSpPr>
        <p:spPr>
          <a:xfrm>
            <a:off x="3645848" y="1327030"/>
            <a:ext cx="4320000" cy="4320000"/>
          </a:xfrm>
          <a:prstGeom prst="pie">
            <a:avLst>
              <a:gd name="adj1" fmla="val 7365714"/>
              <a:gd name="adj2" fmla="val 16180605"/>
            </a:avLst>
          </a:prstGeom>
          <a:solidFill>
            <a:schemeClr val="accent6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8" name="Arc partiel 52">
            <a:extLst>
              <a:ext uri="{FF2B5EF4-FFF2-40B4-BE49-F238E27FC236}">
                <a16:creationId xmlns:a16="http://schemas.microsoft.com/office/drawing/2014/main" id="{4D64E767-C90C-552E-788D-FB670C7F1C9B}"/>
              </a:ext>
            </a:extLst>
          </p:cNvPr>
          <p:cNvSpPr/>
          <p:nvPr/>
        </p:nvSpPr>
        <p:spPr>
          <a:xfrm>
            <a:off x="3830616" y="1381252"/>
            <a:ext cx="4320000" cy="4320000"/>
          </a:xfrm>
          <a:prstGeom prst="pie">
            <a:avLst>
              <a:gd name="adj1" fmla="val 5528524"/>
              <a:gd name="adj2" fmla="val 16180605"/>
            </a:avLst>
          </a:prstGeom>
          <a:solidFill>
            <a:schemeClr val="accent3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54" name="Ellipse 53">
            <a:extLst>
              <a:ext uri="{FF2B5EF4-FFF2-40B4-BE49-F238E27FC236}">
                <a16:creationId xmlns:a16="http://schemas.microsoft.com/office/drawing/2014/main" id="{EA7D9C63-4905-2806-E4EF-5AC5721A4AD2}"/>
              </a:ext>
            </a:extLst>
          </p:cNvPr>
          <p:cNvSpPr/>
          <p:nvPr/>
        </p:nvSpPr>
        <p:spPr>
          <a:xfrm>
            <a:off x="3982094" y="1577580"/>
            <a:ext cx="3960000" cy="3960000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cxnSp>
        <p:nvCxnSpPr>
          <p:cNvPr id="17" name="Connecteur droit 16">
            <a:extLst>
              <a:ext uri="{FF2B5EF4-FFF2-40B4-BE49-F238E27FC236}">
                <a16:creationId xmlns:a16="http://schemas.microsoft.com/office/drawing/2014/main" id="{EFEA6C77-DC04-4F60-84D0-DB6DC89693F7}"/>
              </a:ext>
            </a:extLst>
          </p:cNvPr>
          <p:cNvCxnSpPr>
            <a:cxnSpLocks/>
            <a:stCxn id="18" idx="6"/>
          </p:cNvCxnSpPr>
          <p:nvPr/>
        </p:nvCxnSpPr>
        <p:spPr>
          <a:xfrm flipV="1">
            <a:off x="2510689" y="4196724"/>
            <a:ext cx="1172572" cy="84562"/>
          </a:xfrm>
          <a:prstGeom prst="line">
            <a:avLst/>
          </a:prstGeom>
          <a:ln w="6350">
            <a:solidFill>
              <a:schemeClr val="accent4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18" name="Cercle : creux 74">
            <a:extLst>
              <a:ext uri="{FF2B5EF4-FFF2-40B4-BE49-F238E27FC236}">
                <a16:creationId xmlns:a16="http://schemas.microsoft.com/office/drawing/2014/main" id="{2C4AD9D6-8111-1BE2-6667-5B52949A0B64}"/>
              </a:ext>
            </a:extLst>
          </p:cNvPr>
          <p:cNvSpPr/>
          <p:nvPr/>
        </p:nvSpPr>
        <p:spPr>
          <a:xfrm>
            <a:off x="1891489" y="3959086"/>
            <a:ext cx="619200" cy="644400"/>
          </a:xfrm>
          <a:prstGeom prst="donut">
            <a:avLst>
              <a:gd name="adj" fmla="val 8937"/>
            </a:avLst>
          </a:prstGeom>
          <a:solidFill>
            <a:schemeClr val="accent4"/>
          </a:solidFill>
          <a:ln>
            <a:solidFill>
              <a:schemeClr val="accent4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chemeClr val="accent4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cxnSp>
        <p:nvCxnSpPr>
          <p:cNvPr id="20" name="Connecteur droit 19">
            <a:extLst>
              <a:ext uri="{FF2B5EF4-FFF2-40B4-BE49-F238E27FC236}">
                <a16:creationId xmlns:a16="http://schemas.microsoft.com/office/drawing/2014/main" id="{5409A89E-1790-B752-6A6C-3D6798A7143B}"/>
              </a:ext>
            </a:extLst>
          </p:cNvPr>
          <p:cNvCxnSpPr>
            <a:cxnSpLocks/>
          </p:cNvCxnSpPr>
          <p:nvPr/>
        </p:nvCxnSpPr>
        <p:spPr>
          <a:xfrm flipV="1">
            <a:off x="2878179" y="4997044"/>
            <a:ext cx="1399087" cy="263724"/>
          </a:xfrm>
          <a:prstGeom prst="line">
            <a:avLst/>
          </a:prstGeom>
          <a:ln w="6350">
            <a:solidFill>
              <a:schemeClr val="accent6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1" name="Cercle : creux 74">
            <a:extLst>
              <a:ext uri="{FF2B5EF4-FFF2-40B4-BE49-F238E27FC236}">
                <a16:creationId xmlns:a16="http://schemas.microsoft.com/office/drawing/2014/main" id="{7E7DDCF1-7B98-B483-7A68-72D7B9F55940}"/>
              </a:ext>
            </a:extLst>
          </p:cNvPr>
          <p:cNvSpPr/>
          <p:nvPr/>
        </p:nvSpPr>
        <p:spPr>
          <a:xfrm>
            <a:off x="2322208" y="5044409"/>
            <a:ext cx="619200" cy="644400"/>
          </a:xfrm>
          <a:prstGeom prst="donut">
            <a:avLst>
              <a:gd name="adj" fmla="val 8937"/>
            </a:avLst>
          </a:prstGeom>
          <a:solidFill>
            <a:schemeClr val="accent6"/>
          </a:solidFill>
          <a:ln>
            <a:solidFill>
              <a:schemeClr val="accent6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chemeClr val="accent6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pic>
        <p:nvPicPr>
          <p:cNvPr id="24" name="Image 23">
            <a:extLst>
              <a:ext uri="{FF2B5EF4-FFF2-40B4-BE49-F238E27FC236}">
                <a16:creationId xmlns:a16="http://schemas.microsoft.com/office/drawing/2014/main" id="{E006F423-04BA-D042-6999-CC4EBC658D68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414831" y="2064431"/>
            <a:ext cx="5060590" cy="2726457"/>
          </a:xfrm>
          <a:prstGeom prst="rect">
            <a:avLst/>
          </a:prstGeom>
        </p:spPr>
      </p:pic>
      <p:cxnSp>
        <p:nvCxnSpPr>
          <p:cNvPr id="28" name="Connecteur droit 27">
            <a:extLst>
              <a:ext uri="{FF2B5EF4-FFF2-40B4-BE49-F238E27FC236}">
                <a16:creationId xmlns:a16="http://schemas.microsoft.com/office/drawing/2014/main" id="{0C52072B-48A7-6340-1E52-85936C1EE699}"/>
              </a:ext>
            </a:extLst>
          </p:cNvPr>
          <p:cNvCxnSpPr>
            <a:cxnSpLocks/>
          </p:cNvCxnSpPr>
          <p:nvPr/>
        </p:nvCxnSpPr>
        <p:spPr>
          <a:xfrm flipV="1">
            <a:off x="4131086" y="5453261"/>
            <a:ext cx="942359" cy="698266"/>
          </a:xfrm>
          <a:prstGeom prst="line">
            <a:avLst/>
          </a:prstGeom>
          <a:ln w="6350">
            <a:solidFill>
              <a:schemeClr val="accent3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29" name="Cercle : creux 74">
            <a:extLst>
              <a:ext uri="{FF2B5EF4-FFF2-40B4-BE49-F238E27FC236}">
                <a16:creationId xmlns:a16="http://schemas.microsoft.com/office/drawing/2014/main" id="{CB149239-672E-F51C-46C0-C9A542E2DC30}"/>
              </a:ext>
            </a:extLst>
          </p:cNvPr>
          <p:cNvSpPr/>
          <p:nvPr/>
        </p:nvSpPr>
        <p:spPr>
          <a:xfrm>
            <a:off x="3610104" y="6011412"/>
            <a:ext cx="619200" cy="644400"/>
          </a:xfrm>
          <a:prstGeom prst="donut">
            <a:avLst>
              <a:gd name="adj" fmla="val 8937"/>
            </a:avLst>
          </a:prstGeom>
          <a:solidFill>
            <a:schemeClr val="accent3"/>
          </a:solidFill>
          <a:ln>
            <a:solidFill>
              <a:schemeClr val="accent3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000000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30" name="ZoneTexte 29">
            <a:extLst>
              <a:ext uri="{FF2B5EF4-FFF2-40B4-BE49-F238E27FC236}">
                <a16:creationId xmlns:a16="http://schemas.microsoft.com/office/drawing/2014/main" id="{49B75231-C9B3-0296-1211-315890FDEA31}"/>
              </a:ext>
            </a:extLst>
          </p:cNvPr>
          <p:cNvSpPr txBox="1"/>
          <p:nvPr/>
        </p:nvSpPr>
        <p:spPr>
          <a:xfrm>
            <a:off x="646594" y="4023561"/>
            <a:ext cx="1053173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800" b="1" i="0" u="none" strike="noStrike" kern="1200" cap="none" spc="0" normalizeH="0" baseline="0" noProof="0" dirty="0">
                <a:ln>
                  <a:noFill/>
                </a:ln>
                <a:solidFill>
                  <a:schemeClr val="accent4"/>
                </a:solidFill>
                <a:effectLst/>
                <a:uLnTx/>
                <a:uFillTx/>
                <a:ea typeface="+mn-ea"/>
                <a:cs typeface="+mn-cs"/>
              </a:rPr>
              <a:t>200-499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accent4"/>
                </a:solidFill>
                <a:effectLst/>
                <a:uLnTx/>
                <a:uFillTx/>
                <a:ea typeface="+mn-ea"/>
                <a:cs typeface="+mn-cs"/>
              </a:rPr>
              <a:t>utilisateurs</a:t>
            </a:r>
          </a:p>
        </p:txBody>
      </p:sp>
      <p:sp>
        <p:nvSpPr>
          <p:cNvPr id="31" name="ZoneTexte 30">
            <a:extLst>
              <a:ext uri="{FF2B5EF4-FFF2-40B4-BE49-F238E27FC236}">
                <a16:creationId xmlns:a16="http://schemas.microsoft.com/office/drawing/2014/main" id="{01B3458A-6628-6302-372A-29E6610701D1}"/>
              </a:ext>
            </a:extLst>
          </p:cNvPr>
          <p:cNvSpPr txBox="1"/>
          <p:nvPr/>
        </p:nvSpPr>
        <p:spPr>
          <a:xfrm>
            <a:off x="980026" y="5174089"/>
            <a:ext cx="1051570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b="1" dirty="0">
                <a:solidFill>
                  <a:schemeClr val="accent6"/>
                </a:solidFill>
              </a:rPr>
              <a:t>5</a:t>
            </a:r>
            <a:r>
              <a:rPr kumimoji="0" lang="fr-FR" sz="1800" b="1" i="0" u="none" strike="noStrike" kern="1200" cap="none" spc="0" normalizeH="0" baseline="0" noProof="0" dirty="0">
                <a:ln>
                  <a:noFill/>
                </a:ln>
                <a:solidFill>
                  <a:schemeClr val="accent6"/>
                </a:solidFill>
                <a:effectLst/>
                <a:uLnTx/>
                <a:uFillTx/>
                <a:ea typeface="+mn-ea"/>
                <a:cs typeface="+mn-cs"/>
              </a:rPr>
              <a:t>00-999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accent6"/>
                </a:solidFill>
                <a:effectLst/>
                <a:uLnTx/>
                <a:uFillTx/>
                <a:ea typeface="+mn-ea"/>
                <a:cs typeface="+mn-cs"/>
              </a:rPr>
              <a:t>utilisateurs</a:t>
            </a:r>
          </a:p>
        </p:txBody>
      </p:sp>
      <p:sp>
        <p:nvSpPr>
          <p:cNvPr id="32" name="ZoneTexte 31">
            <a:extLst>
              <a:ext uri="{FF2B5EF4-FFF2-40B4-BE49-F238E27FC236}">
                <a16:creationId xmlns:a16="http://schemas.microsoft.com/office/drawing/2014/main" id="{8E701E73-F11B-1C8D-1086-0DEC93FFAA5F}"/>
              </a:ext>
            </a:extLst>
          </p:cNvPr>
          <p:cNvSpPr txBox="1"/>
          <p:nvPr/>
        </p:nvSpPr>
        <p:spPr>
          <a:xfrm>
            <a:off x="1960613" y="6175579"/>
            <a:ext cx="1384995" cy="430887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b="1" dirty="0">
                <a:solidFill>
                  <a:schemeClr val="accent3"/>
                </a:solidFill>
              </a:rPr>
              <a:t>= ou &gt; 1000</a:t>
            </a:r>
            <a:r>
              <a:rPr kumimoji="0" lang="fr-FR" sz="1800" b="1" i="0" u="none" strike="noStrike" kern="1200" cap="none" spc="0" normalizeH="0" baseline="0" noProof="0" dirty="0">
                <a:ln>
                  <a:noFill/>
                </a:ln>
                <a:solidFill>
                  <a:schemeClr val="accent3"/>
                </a:solidFill>
                <a:effectLst/>
                <a:uLnTx/>
                <a:uFillTx/>
                <a:ea typeface="+mn-ea"/>
                <a:cs typeface="+mn-cs"/>
              </a:rPr>
              <a:t>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000" b="1" i="0" u="none" strike="noStrike" kern="1200" cap="none" spc="0" normalizeH="0" baseline="0" noProof="0" dirty="0">
                <a:ln>
                  <a:noFill/>
                </a:ln>
                <a:solidFill>
                  <a:schemeClr val="accent3"/>
                </a:solidFill>
                <a:effectLst/>
                <a:uLnTx/>
                <a:uFillTx/>
                <a:ea typeface="+mn-ea"/>
                <a:cs typeface="+mn-cs"/>
              </a:rPr>
              <a:t>utilisateurs</a:t>
            </a:r>
          </a:p>
        </p:txBody>
      </p:sp>
      <p:sp>
        <p:nvSpPr>
          <p:cNvPr id="43" name="ZoneTexte 42">
            <a:extLst>
              <a:ext uri="{FF2B5EF4-FFF2-40B4-BE49-F238E27FC236}">
                <a16:creationId xmlns:a16="http://schemas.microsoft.com/office/drawing/2014/main" id="{BA50389B-E298-9E09-1F56-2A88D877A7CD}"/>
              </a:ext>
            </a:extLst>
          </p:cNvPr>
          <p:cNvSpPr txBox="1"/>
          <p:nvPr/>
        </p:nvSpPr>
        <p:spPr>
          <a:xfrm>
            <a:off x="1970140" y="1697730"/>
            <a:ext cx="333426" cy="276999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800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ea typeface="+mn-ea"/>
                <a:cs typeface="+mn-cs"/>
              </a:rPr>
              <a:t>5%</a:t>
            </a:r>
          </a:p>
        </p:txBody>
      </p:sp>
      <p:sp>
        <p:nvSpPr>
          <p:cNvPr id="45" name="ZoneTexte 44">
            <a:extLst>
              <a:ext uri="{FF2B5EF4-FFF2-40B4-BE49-F238E27FC236}">
                <a16:creationId xmlns:a16="http://schemas.microsoft.com/office/drawing/2014/main" id="{CBBE1900-A532-B16F-2377-B3A7DFA41E0B}"/>
              </a:ext>
            </a:extLst>
          </p:cNvPr>
          <p:cNvSpPr txBox="1"/>
          <p:nvPr/>
        </p:nvSpPr>
        <p:spPr>
          <a:xfrm>
            <a:off x="1672338" y="2970786"/>
            <a:ext cx="400751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1600" b="1" dirty="0"/>
              <a:t>10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ea typeface="+mn-ea"/>
                <a:cs typeface="+mn-cs"/>
              </a:rPr>
              <a:t>%</a:t>
            </a:r>
          </a:p>
        </p:txBody>
      </p:sp>
      <p:sp>
        <p:nvSpPr>
          <p:cNvPr id="46" name="ZoneTexte 45">
            <a:extLst>
              <a:ext uri="{FF2B5EF4-FFF2-40B4-BE49-F238E27FC236}">
                <a16:creationId xmlns:a16="http://schemas.microsoft.com/office/drawing/2014/main" id="{CAFAD15A-5D98-51F1-F963-99EFAC441C21}"/>
              </a:ext>
            </a:extLst>
          </p:cNvPr>
          <p:cNvSpPr txBox="1"/>
          <p:nvPr/>
        </p:nvSpPr>
        <p:spPr>
          <a:xfrm>
            <a:off x="2003919" y="4158176"/>
            <a:ext cx="394340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1600" b="1" dirty="0"/>
              <a:t>15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ea typeface="+mn-ea"/>
                <a:cs typeface="+mn-cs"/>
              </a:rPr>
              <a:t>%</a:t>
            </a:r>
          </a:p>
        </p:txBody>
      </p:sp>
      <p:sp>
        <p:nvSpPr>
          <p:cNvPr id="47" name="ZoneTexte 46">
            <a:extLst>
              <a:ext uri="{FF2B5EF4-FFF2-40B4-BE49-F238E27FC236}">
                <a16:creationId xmlns:a16="http://schemas.microsoft.com/office/drawing/2014/main" id="{8E24B6AC-9C96-6A2C-D5CE-CCCCFFC5C544}"/>
              </a:ext>
            </a:extLst>
          </p:cNvPr>
          <p:cNvSpPr txBox="1"/>
          <p:nvPr/>
        </p:nvSpPr>
        <p:spPr>
          <a:xfrm>
            <a:off x="2417005" y="5243499"/>
            <a:ext cx="429606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1600" b="1" dirty="0"/>
              <a:t>20</a:t>
            </a: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ea typeface="+mn-ea"/>
                <a:cs typeface="+mn-cs"/>
              </a:rPr>
              <a:t>%</a:t>
            </a:r>
          </a:p>
        </p:txBody>
      </p:sp>
      <p:sp>
        <p:nvSpPr>
          <p:cNvPr id="48" name="ZoneTexte 47">
            <a:extLst>
              <a:ext uri="{FF2B5EF4-FFF2-40B4-BE49-F238E27FC236}">
                <a16:creationId xmlns:a16="http://schemas.microsoft.com/office/drawing/2014/main" id="{8357B6D8-967D-CC7E-C952-54A6F0B1D22D}"/>
              </a:ext>
            </a:extLst>
          </p:cNvPr>
          <p:cNvSpPr txBox="1"/>
          <p:nvPr/>
        </p:nvSpPr>
        <p:spPr>
          <a:xfrm>
            <a:off x="3708107" y="6210502"/>
            <a:ext cx="423194" cy="246221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fr-FR" sz="1600" b="1" i="0" u="none" strike="noStrike" kern="1200" cap="none" spc="0" normalizeH="0" baseline="0" noProof="0" dirty="0">
                <a:ln>
                  <a:noFill/>
                </a:ln>
                <a:effectLst/>
                <a:uLnTx/>
                <a:uFillTx/>
                <a:ea typeface="+mn-ea"/>
                <a:cs typeface="+mn-cs"/>
              </a:rPr>
              <a:t>25%</a:t>
            </a:r>
          </a:p>
        </p:txBody>
      </p:sp>
      <p:sp>
        <p:nvSpPr>
          <p:cNvPr id="2" name="Titre 1">
            <a:extLst>
              <a:ext uri="{FF2B5EF4-FFF2-40B4-BE49-F238E27FC236}">
                <a16:creationId xmlns:a16="http://schemas.microsoft.com/office/drawing/2014/main" id="{763D3640-448A-A0B7-CCB8-887530BABF4F}"/>
              </a:ext>
            </a:extLst>
          </p:cNvPr>
          <p:cNvSpPr txBox="1">
            <a:spLocks/>
          </p:cNvSpPr>
          <p:nvPr/>
        </p:nvSpPr>
        <p:spPr>
          <a:xfrm>
            <a:off x="446309" y="462071"/>
            <a:ext cx="11919680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LES REMISES VOLUME</a:t>
            </a:r>
            <a:endParaRPr lang="fr-FR" dirty="0"/>
          </a:p>
        </p:txBody>
      </p:sp>
    </p:spTree>
    <p:extLst>
      <p:ext uri="{BB962C8B-B14F-4D97-AF65-F5344CB8AC3E}">
        <p14:creationId xmlns:p14="http://schemas.microsoft.com/office/powerpoint/2010/main" val="457322937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ZoneTexte 4">
            <a:extLst>
              <a:ext uri="{FF2B5EF4-FFF2-40B4-BE49-F238E27FC236}">
                <a16:creationId xmlns:a16="http://schemas.microsoft.com/office/drawing/2014/main" id="{A63BE9A8-3631-B993-1372-F5A50C3A686E}"/>
              </a:ext>
            </a:extLst>
          </p:cNvPr>
          <p:cNvSpPr txBox="1"/>
          <p:nvPr/>
        </p:nvSpPr>
        <p:spPr>
          <a:xfrm>
            <a:off x="1452928" y="2690336"/>
            <a:ext cx="9286196" cy="147732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CAS CLIENT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DÉCATHLON À FOND MBCAAS</a:t>
            </a:r>
          </a:p>
        </p:txBody>
      </p:sp>
    </p:spTree>
    <p:extLst>
      <p:ext uri="{BB962C8B-B14F-4D97-AF65-F5344CB8AC3E}">
        <p14:creationId xmlns:p14="http://schemas.microsoft.com/office/powerpoint/2010/main" val="106543086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Picture 10" descr="A black screen with a silver base&#10;&#10;Description automatically generated">
            <a:extLst>
              <a:ext uri="{FF2B5EF4-FFF2-40B4-BE49-F238E27FC236}">
                <a16:creationId xmlns:a16="http://schemas.microsoft.com/office/drawing/2014/main" id="{3970E83D-E2ED-0D1D-4801-553E2E82565A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547" t="12967" r="7402" b="14078"/>
          <a:stretch/>
        </p:blipFill>
        <p:spPr>
          <a:xfrm>
            <a:off x="426268" y="2047900"/>
            <a:ext cx="7442200" cy="4787900"/>
          </a:xfrm>
          <a:prstGeom prst="rect">
            <a:avLst/>
          </a:prstGeom>
        </p:spPr>
      </p:pic>
      <p:pic>
        <p:nvPicPr>
          <p:cNvPr id="8" name="Online Media 7" descr="Decathlon Customer Testimonial">
            <a:hlinkClick r:id="" action="ppaction://media"/>
            <a:extLst>
              <a:ext uri="{FF2B5EF4-FFF2-40B4-BE49-F238E27FC236}">
                <a16:creationId xmlns:a16="http://schemas.microsoft.com/office/drawing/2014/main" id="{41907C6C-E14F-59E0-669A-C38F0B7165FD}"/>
              </a:ext>
            </a:extLst>
          </p:cNvPr>
          <p:cNvPicPr>
            <a:picLocks noRot="1" noChangeAspect="1"/>
          </p:cNvPicPr>
          <p:nvPr>
            <a:videoFile r:link="rId1"/>
          </p:nvPr>
        </p:nvPicPr>
        <p:blipFill>
          <a:blip r:embed="rId5"/>
          <a:stretch>
            <a:fillRect/>
          </a:stretch>
        </p:blipFill>
        <p:spPr>
          <a:xfrm>
            <a:off x="813618" y="2274785"/>
            <a:ext cx="6667500" cy="3767138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45E0A62F-DFD2-F482-621A-EB459F12DDC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32000" y="432000"/>
            <a:ext cx="11325600" cy="900000"/>
          </a:xfrm>
        </p:spPr>
        <p:txBody>
          <a:bodyPr/>
          <a:lstStyle/>
          <a:p>
            <a:r>
              <a:rPr lang="en-FR" dirty="0"/>
              <a:t>DÉCATHLON RÉVOLUTIONNE SA COMMUNICATION</a:t>
            </a:r>
          </a:p>
        </p:txBody>
      </p:sp>
      <p:sp>
        <p:nvSpPr>
          <p:cNvPr id="13" name="TextBox 12">
            <a:extLst>
              <a:ext uri="{FF2B5EF4-FFF2-40B4-BE49-F238E27FC236}">
                <a16:creationId xmlns:a16="http://schemas.microsoft.com/office/drawing/2014/main" id="{A9C296E6-ECBF-E6DD-7145-BA32D7EDDC80}"/>
              </a:ext>
            </a:extLst>
          </p:cNvPr>
          <p:cNvSpPr txBox="1"/>
          <p:nvPr/>
        </p:nvSpPr>
        <p:spPr>
          <a:xfrm>
            <a:off x="426268" y="1071974"/>
            <a:ext cx="11562532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Un cas d’étude en innovation, </a:t>
            </a:r>
          </a:p>
          <a:p>
            <a:pPr algn="l"/>
            <a:r>
              <a:rPr lang="fr-FR" sz="1400" dirty="0"/>
              <a:t>Utilisateurs de la Solution MBCaaS Dstny: leurs témoignes surpassent toute présentation. </a:t>
            </a:r>
            <a:endParaRPr lang="fr-FR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23" name="Rounded Rectangle 22">
            <a:extLst>
              <a:ext uri="{FF2B5EF4-FFF2-40B4-BE49-F238E27FC236}">
                <a16:creationId xmlns:a16="http://schemas.microsoft.com/office/drawing/2014/main" id="{25E260DE-BC13-92BA-47DF-96409B135804}"/>
              </a:ext>
            </a:extLst>
          </p:cNvPr>
          <p:cNvSpPr/>
          <p:nvPr/>
        </p:nvSpPr>
        <p:spPr>
          <a:xfrm>
            <a:off x="8834239" y="1866045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000" b="1" i="1" dirty="0"/>
              <a:t>« Présence européenne » </a:t>
            </a:r>
          </a:p>
        </p:txBody>
      </p:sp>
      <p:sp>
        <p:nvSpPr>
          <p:cNvPr id="24" name="Rounded Rectangle 23">
            <a:extLst>
              <a:ext uri="{FF2B5EF4-FFF2-40B4-BE49-F238E27FC236}">
                <a16:creationId xmlns:a16="http://schemas.microsoft.com/office/drawing/2014/main" id="{8C90AA07-1BB5-127D-4504-B56718219DC9}"/>
              </a:ext>
            </a:extLst>
          </p:cNvPr>
          <p:cNvSpPr/>
          <p:nvPr/>
        </p:nvSpPr>
        <p:spPr>
          <a:xfrm>
            <a:off x="8835549" y="2442984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000" b="1" i="1" dirty="0"/>
              <a:t>« Plateforme centralisé sur le cloud pour gérer tous les utilisateurs » </a:t>
            </a:r>
          </a:p>
        </p:txBody>
      </p:sp>
      <p:sp>
        <p:nvSpPr>
          <p:cNvPr id="25" name="Rounded Rectangle 24">
            <a:extLst>
              <a:ext uri="{FF2B5EF4-FFF2-40B4-BE49-F238E27FC236}">
                <a16:creationId xmlns:a16="http://schemas.microsoft.com/office/drawing/2014/main" id="{7EFD145E-F197-A813-2001-324ADBCE3461}"/>
              </a:ext>
            </a:extLst>
          </p:cNvPr>
          <p:cNvSpPr/>
          <p:nvPr/>
        </p:nvSpPr>
        <p:spPr>
          <a:xfrm>
            <a:off x="8834239" y="3020363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000" b="1" i="1" dirty="0"/>
              <a:t>« Transformation des systèmes DECT »</a:t>
            </a:r>
          </a:p>
        </p:txBody>
      </p:sp>
      <p:sp>
        <p:nvSpPr>
          <p:cNvPr id="26" name="Rounded Rectangle 25">
            <a:extLst>
              <a:ext uri="{FF2B5EF4-FFF2-40B4-BE49-F238E27FC236}">
                <a16:creationId xmlns:a16="http://schemas.microsoft.com/office/drawing/2014/main" id="{17E9B444-B626-948D-1123-1F3C1DD03BF1}"/>
              </a:ext>
            </a:extLst>
          </p:cNvPr>
          <p:cNvSpPr/>
          <p:nvPr/>
        </p:nvSpPr>
        <p:spPr>
          <a:xfrm>
            <a:off x="8834239" y="3593334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000" b="1" i="1" dirty="0"/>
              <a:t>« Expérience utilisateur améliorée » </a:t>
            </a:r>
          </a:p>
        </p:txBody>
      </p:sp>
      <p:sp>
        <p:nvSpPr>
          <p:cNvPr id="27" name="Rounded Rectangle 26">
            <a:extLst>
              <a:ext uri="{FF2B5EF4-FFF2-40B4-BE49-F238E27FC236}">
                <a16:creationId xmlns:a16="http://schemas.microsoft.com/office/drawing/2014/main" id="{3826CB9D-6230-790C-94B2-B9B426ABCF00}"/>
              </a:ext>
            </a:extLst>
          </p:cNvPr>
          <p:cNvSpPr/>
          <p:nvPr/>
        </p:nvSpPr>
        <p:spPr>
          <a:xfrm>
            <a:off x="8834239" y="4166305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000" b="1" i="1" dirty="0">
                <a:solidFill>
                  <a:schemeClr val="bg1"/>
                </a:solidFill>
              </a:rPr>
              <a:t>« Performance » </a:t>
            </a:r>
          </a:p>
        </p:txBody>
      </p:sp>
      <p:sp>
        <p:nvSpPr>
          <p:cNvPr id="28" name="Rounded Rectangle 27">
            <a:extLst>
              <a:ext uri="{FF2B5EF4-FFF2-40B4-BE49-F238E27FC236}">
                <a16:creationId xmlns:a16="http://schemas.microsoft.com/office/drawing/2014/main" id="{55C939F8-AC63-91A2-6AFF-830B168AF5A6}"/>
              </a:ext>
            </a:extLst>
          </p:cNvPr>
          <p:cNvSpPr/>
          <p:nvPr/>
        </p:nvSpPr>
        <p:spPr>
          <a:xfrm>
            <a:off x="8834238" y="4739276"/>
            <a:ext cx="2326563" cy="408740"/>
          </a:xfrm>
          <a:prstGeom prst="roundRect">
            <a:avLst/>
          </a:prstGeom>
          <a:solidFill>
            <a:schemeClr val="accent1"/>
          </a:solidFill>
          <a:ln>
            <a:noFill/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000" b="1" i="1" dirty="0">
                <a:solidFill>
                  <a:schemeClr val="bg1"/>
                </a:solidFill>
              </a:rPr>
              <a:t>« Efficacité prouvée »  </a:t>
            </a:r>
          </a:p>
        </p:txBody>
      </p:sp>
      <p:sp>
        <p:nvSpPr>
          <p:cNvPr id="31" name="TextBox 30">
            <a:extLst>
              <a:ext uri="{FF2B5EF4-FFF2-40B4-BE49-F238E27FC236}">
                <a16:creationId xmlns:a16="http://schemas.microsoft.com/office/drawing/2014/main" id="{F6D9D0F2-F657-0DFF-22EB-317D9910D285}"/>
              </a:ext>
            </a:extLst>
          </p:cNvPr>
          <p:cNvSpPr txBox="1"/>
          <p:nvPr/>
        </p:nvSpPr>
        <p:spPr>
          <a:xfrm>
            <a:off x="8255818" y="5608219"/>
            <a:ext cx="1317661" cy="276999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ctr"/>
            <a:r>
              <a:rPr lang="fr-FR" sz="1200" b="1" i="1" dirty="0"/>
              <a:t>En image</a:t>
            </a:r>
          </a:p>
        </p:txBody>
      </p:sp>
      <p:cxnSp>
        <p:nvCxnSpPr>
          <p:cNvPr id="33" name="Curved Connector 32">
            <a:extLst>
              <a:ext uri="{FF2B5EF4-FFF2-40B4-BE49-F238E27FC236}">
                <a16:creationId xmlns:a16="http://schemas.microsoft.com/office/drawing/2014/main" id="{B06E1726-55C1-47DF-E3E0-725B1E709B97}"/>
              </a:ext>
            </a:extLst>
          </p:cNvPr>
          <p:cNvCxnSpPr>
            <a:cxnSpLocks/>
          </p:cNvCxnSpPr>
          <p:nvPr/>
        </p:nvCxnSpPr>
        <p:spPr>
          <a:xfrm rot="5400000">
            <a:off x="9476969" y="5226532"/>
            <a:ext cx="482102" cy="558997"/>
          </a:xfrm>
          <a:prstGeom prst="curvedConnector2">
            <a:avLst/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891330939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playFrom(0.0)">
                                      <p:cBhvr>
                                        <p:cTn id="6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  <p:video>
              <p:cMediaNode vol="80000">
                <p:cTn id="7" fill="hold" display="0">
                  <p:stCondLst>
                    <p:cond delay="indefinite"/>
                  </p:stCondLst>
                </p:cTn>
                <p:tgtEl>
                  <p:spTgt spid="8"/>
                </p:tgtEl>
              </p:cMediaNode>
            </p:video>
            <p:seq concurrent="1" nextAc="seek">
              <p:cTn id="8" restart="whenNotActive" fill="hold" evtFilter="cancelBubble" nodeType="interactiveSeq">
                <p:stCondLst>
                  <p:cond evt="onClick" delay="0">
                    <p:tgtEl>
                      <p:spTgt spid="8"/>
                    </p:tgtEl>
                  </p:cond>
                </p:stCondLst>
                <p:endSync evt="end" delay="0">
                  <p:rtn val="all"/>
                </p:endSync>
                <p:childTnLst>
                  <p:par>
                    <p:cTn id="9" fill="hold">
                      <p:stCondLst>
                        <p:cond delay="0"/>
                      </p:stCondLst>
                      <p:childTnLst>
                        <p:par>
                          <p:cTn id="10" fill="hold">
                            <p:stCondLst>
                              <p:cond delay="0"/>
                            </p:stCondLst>
                            <p:childTnLst>
                              <p:par>
                                <p:cTn id="11" presetID="2" presetClass="mediacall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cmd type="call" cmd="togglePause">
                                      <p:cBhvr>
                                        <p:cTn id="12" dur="1" fill="hold"/>
                                        <p:tgtEl>
                                          <p:spTgt spid="8"/>
                                        </p:tgtEl>
                                      </p:cBhvr>
                                    </p:cmd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nextCondLst>
                <p:cond evt="onClick" delay="0">
                  <p:tgtEl>
                    <p:spTgt spid="8"/>
                  </p:tgtEl>
                </p:cond>
              </p:nextCondLst>
            </p:seq>
          </p:childTnLst>
        </p:cTn>
      </p:par>
    </p:tnLst>
  </p:timing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blipFill dpi="0" rotWithShape="1">
          <a:blip r:embed="rId2">
            <a:lum/>
          </a:blip>
          <a:srcRect/>
          <a:stretch>
            <a:fillRect/>
          </a:stretch>
        </a:blip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" name="Picture 4">
            <a:extLst>
              <a:ext uri="{FF2B5EF4-FFF2-40B4-BE49-F238E27FC236}">
                <a16:creationId xmlns:a16="http://schemas.microsoft.com/office/drawing/2014/main" id="{EB30DDA1-62FE-62ED-14BC-D002E286D552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16043"/>
          <a:stretch/>
        </p:blipFill>
        <p:spPr bwMode="auto">
          <a:xfrm>
            <a:off x="-60600" y="0"/>
            <a:ext cx="12252600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5" name="ZoneTexte 4">
            <a:extLst>
              <a:ext uri="{FF2B5EF4-FFF2-40B4-BE49-F238E27FC236}">
                <a16:creationId xmlns:a16="http://schemas.microsoft.com/office/drawing/2014/main" id="{A63BE9A8-3631-B993-1372-F5A50C3A686E}"/>
              </a:ext>
            </a:extLst>
          </p:cNvPr>
          <p:cNvSpPr txBox="1"/>
          <p:nvPr/>
        </p:nvSpPr>
        <p:spPr>
          <a:xfrm>
            <a:off x="4858481" y="2505670"/>
            <a:ext cx="2475037" cy="923330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6000" dirty="0">
                <a:solidFill>
                  <a:srgbClr val="FFFFFF"/>
                </a:solidFill>
                <a:latin typeface="+mj-lt"/>
              </a:rPr>
              <a:t>MERCI</a:t>
            </a:r>
          </a:p>
        </p:txBody>
      </p:sp>
      <p:sp>
        <p:nvSpPr>
          <p:cNvPr id="6" name="TextBox 5">
            <a:extLst>
              <a:ext uri="{FF2B5EF4-FFF2-40B4-BE49-F238E27FC236}">
                <a16:creationId xmlns:a16="http://schemas.microsoft.com/office/drawing/2014/main" id="{4FC27485-7FDC-914E-7B37-8056895971BC}"/>
              </a:ext>
            </a:extLst>
          </p:cNvPr>
          <p:cNvSpPr txBox="1"/>
          <p:nvPr/>
        </p:nvSpPr>
        <p:spPr>
          <a:xfrm>
            <a:off x="7785632" y="5553212"/>
            <a:ext cx="4150995" cy="30646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lvl="0" indent="0" defTabSz="914400" eaLnBrk="1" fontAlgn="auto" latinLnBrk="0" hangingPunct="1">
              <a:lnSpc>
                <a:spcPct val="15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000" b="1" i="0" u="none" strike="noStrike" kern="0" cap="none" spc="0" normalizeH="0" baseline="0" noProof="0" dirty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</a:rPr>
              <a:t>COMMUNICATIONS D’ENTREPRISE AUJOURD’HUI ET DEMAIN  </a:t>
            </a:r>
          </a:p>
        </p:txBody>
      </p:sp>
      <p:pic>
        <p:nvPicPr>
          <p:cNvPr id="7" name="Picture 6" descr="A white text with orange dots on a black background&#10;&#10;Description automatically generated">
            <a:extLst>
              <a:ext uri="{FF2B5EF4-FFF2-40B4-BE49-F238E27FC236}">
                <a16:creationId xmlns:a16="http://schemas.microsoft.com/office/drawing/2014/main" id="{1CBF5F60-9836-0E62-4423-61F1C9D5725B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0501028" y="5134764"/>
            <a:ext cx="1146399" cy="41844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0632014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5" name="Groupe 24">
            <a:extLst>
              <a:ext uri="{FF2B5EF4-FFF2-40B4-BE49-F238E27FC236}">
                <a16:creationId xmlns:a16="http://schemas.microsoft.com/office/drawing/2014/main" id="{EC5B39F0-A90E-478F-0B3E-10484969E3F8}"/>
              </a:ext>
            </a:extLst>
          </p:cNvPr>
          <p:cNvGrpSpPr/>
          <p:nvPr/>
        </p:nvGrpSpPr>
        <p:grpSpPr>
          <a:xfrm>
            <a:off x="211871" y="1691004"/>
            <a:ext cx="11093249" cy="5040000"/>
            <a:chOff x="111512" y="1769061"/>
            <a:chExt cx="11093249" cy="5040000"/>
          </a:xfrm>
        </p:grpSpPr>
        <p:sp>
          <p:nvSpPr>
            <p:cNvPr id="57" name="Arc partiel 56">
              <a:extLst>
                <a:ext uri="{FF2B5EF4-FFF2-40B4-BE49-F238E27FC236}">
                  <a16:creationId xmlns:a16="http://schemas.microsoft.com/office/drawing/2014/main" id="{E2A04403-94CA-2872-54B0-C32C4B15E5B8}"/>
                </a:ext>
              </a:extLst>
            </p:cNvPr>
            <p:cNvSpPr/>
            <p:nvPr/>
          </p:nvSpPr>
          <p:spPr>
            <a:xfrm flipH="1" flipV="1">
              <a:off x="111512" y="1769061"/>
              <a:ext cx="5040000" cy="5040000"/>
            </a:xfrm>
            <a:prstGeom prst="pie">
              <a:avLst>
                <a:gd name="adj1" fmla="val 12027250"/>
                <a:gd name="adj2" fmla="val 14945139"/>
              </a:avLst>
            </a:prstGeom>
            <a:solidFill>
              <a:schemeClr val="accent6"/>
            </a:solidFill>
            <a:ln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fr-FR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endParaRPr>
            </a:p>
          </p:txBody>
        </p:sp>
        <p:grpSp>
          <p:nvGrpSpPr>
            <p:cNvPr id="11" name="Groupe 10">
              <a:extLst>
                <a:ext uri="{FF2B5EF4-FFF2-40B4-BE49-F238E27FC236}">
                  <a16:creationId xmlns:a16="http://schemas.microsoft.com/office/drawing/2014/main" id="{88F3765F-0B05-262B-37DD-724A6CC83EF5}"/>
                </a:ext>
              </a:extLst>
            </p:cNvPr>
            <p:cNvGrpSpPr/>
            <p:nvPr/>
          </p:nvGrpSpPr>
          <p:grpSpPr>
            <a:xfrm>
              <a:off x="4471204" y="5651954"/>
              <a:ext cx="2721844" cy="458757"/>
              <a:chOff x="4331530" y="1583444"/>
              <a:chExt cx="2721844" cy="458757"/>
            </a:xfrm>
          </p:grpSpPr>
          <p:cxnSp>
            <p:nvCxnSpPr>
              <p:cNvPr id="30" name="Connecteur droit 29">
                <a:extLst>
                  <a:ext uri="{FF2B5EF4-FFF2-40B4-BE49-F238E27FC236}">
                    <a16:creationId xmlns:a16="http://schemas.microsoft.com/office/drawing/2014/main" id="{CEA37688-569E-E532-1B44-6378B7485402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4331530" y="1831743"/>
                <a:ext cx="2470163" cy="0"/>
              </a:xfrm>
              <a:prstGeom prst="line">
                <a:avLst/>
              </a:prstGeom>
              <a:ln w="6350">
                <a:solidFill>
                  <a:schemeClr val="accent6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31" name="Ellipse 30">
                <a:extLst>
                  <a:ext uri="{FF2B5EF4-FFF2-40B4-BE49-F238E27FC236}">
                    <a16:creationId xmlns:a16="http://schemas.microsoft.com/office/drawing/2014/main" id="{1607F51A-334C-F7A0-9CFF-8BEAFFEF3A31}"/>
                  </a:ext>
                </a:extLst>
              </p:cNvPr>
              <p:cNvSpPr/>
              <p:nvPr/>
            </p:nvSpPr>
            <p:spPr>
              <a:xfrm>
                <a:off x="6594617" y="1583444"/>
                <a:ext cx="458757" cy="458757"/>
              </a:xfrm>
              <a:prstGeom prst="ellipse">
                <a:avLst/>
              </a:prstGeom>
              <a:solidFill>
                <a:schemeClr val="accent6"/>
              </a:solidFill>
              <a:ln>
                <a:solidFill>
                  <a:schemeClr val="accent6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fr-FR" noProof="0" dirty="0" err="1"/>
              </a:p>
            </p:txBody>
          </p:sp>
        </p:grpSp>
        <p:grpSp>
          <p:nvGrpSpPr>
            <p:cNvPr id="16" name="Groupe 15">
              <a:extLst>
                <a:ext uri="{FF2B5EF4-FFF2-40B4-BE49-F238E27FC236}">
                  <a16:creationId xmlns:a16="http://schemas.microsoft.com/office/drawing/2014/main" id="{A17C090B-157A-A1F8-22C3-77BB2FC85639}"/>
                </a:ext>
              </a:extLst>
            </p:cNvPr>
            <p:cNvGrpSpPr/>
            <p:nvPr/>
          </p:nvGrpSpPr>
          <p:grpSpPr>
            <a:xfrm>
              <a:off x="7483125" y="5319930"/>
              <a:ext cx="3721636" cy="893965"/>
              <a:chOff x="7169459" y="1246638"/>
              <a:chExt cx="3721636" cy="893965"/>
            </a:xfrm>
          </p:grpSpPr>
          <p:sp>
            <p:nvSpPr>
              <p:cNvPr id="32" name="ZoneTexte 31">
                <a:extLst>
                  <a:ext uri="{FF2B5EF4-FFF2-40B4-BE49-F238E27FC236}">
                    <a16:creationId xmlns:a16="http://schemas.microsoft.com/office/drawing/2014/main" id="{E44289F1-1814-8E29-512D-A26D33CA8EFA}"/>
                  </a:ext>
                </a:extLst>
              </p:cNvPr>
              <p:cNvSpPr txBox="1"/>
              <p:nvPr/>
            </p:nvSpPr>
            <p:spPr>
              <a:xfrm>
                <a:off x="7180143" y="1586605"/>
                <a:ext cx="3710952" cy="55399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/>
                <a:r>
                  <a:rPr lang="en-US" sz="1200" dirty="0" err="1"/>
                  <a:t>Sécurisation</a:t>
                </a:r>
                <a:r>
                  <a:rPr lang="en-US" sz="1200" dirty="0"/>
                  <a:t> des </a:t>
                </a:r>
                <a:r>
                  <a:rPr lang="en-US" sz="1200" dirty="0" err="1"/>
                  <a:t>accès</a:t>
                </a:r>
                <a:r>
                  <a:rPr lang="en-US" sz="1200" dirty="0"/>
                  <a:t> et des </a:t>
                </a:r>
                <a:r>
                  <a:rPr lang="en-US" sz="1200" dirty="0" err="1"/>
                  <a:t>données</a:t>
                </a:r>
                <a:r>
                  <a:rPr lang="en-US" sz="1200" dirty="0"/>
                  <a:t> </a:t>
                </a:r>
                <a:r>
                  <a:rPr lang="en-US" sz="1200" dirty="0" err="1"/>
                  <a:t>d’entreprise</a:t>
                </a:r>
                <a:endParaRPr lang="en-US" sz="1200" dirty="0"/>
              </a:p>
              <a:p>
                <a:pPr algn="l"/>
                <a:r>
                  <a:rPr lang="fr-FR" sz="1200" dirty="0"/>
                  <a:t>Détection et anticipation des cyberattaques</a:t>
                </a:r>
              </a:p>
              <a:p>
                <a:r>
                  <a:rPr lang="fr-FR" sz="1200" dirty="0"/>
                  <a:t>Protection de la messagerie d’entreprise</a:t>
                </a:r>
              </a:p>
            </p:txBody>
          </p:sp>
          <p:sp>
            <p:nvSpPr>
              <p:cNvPr id="33" name="ZoneTexte 32">
                <a:extLst>
                  <a:ext uri="{FF2B5EF4-FFF2-40B4-BE49-F238E27FC236}">
                    <a16:creationId xmlns:a16="http://schemas.microsoft.com/office/drawing/2014/main" id="{26F5BC69-C493-6ECD-EC9E-2E7BD7C7B7C6}"/>
                  </a:ext>
                </a:extLst>
              </p:cNvPr>
              <p:cNvSpPr txBox="1"/>
              <p:nvPr/>
            </p:nvSpPr>
            <p:spPr>
              <a:xfrm>
                <a:off x="7169459" y="1246638"/>
                <a:ext cx="1349728" cy="2308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lang="fr-FR" sz="1500" dirty="0">
                    <a:solidFill>
                      <a:schemeClr val="accent6"/>
                    </a:solidFill>
                    <a:latin typeface="+mj-lt"/>
                  </a:rPr>
                  <a:t>Cybersécurité</a:t>
                </a:r>
              </a:p>
            </p:txBody>
          </p:sp>
        </p:grpSp>
      </p:grpSp>
      <p:grpSp>
        <p:nvGrpSpPr>
          <p:cNvPr id="22" name="Groupe 21">
            <a:extLst>
              <a:ext uri="{FF2B5EF4-FFF2-40B4-BE49-F238E27FC236}">
                <a16:creationId xmlns:a16="http://schemas.microsoft.com/office/drawing/2014/main" id="{B4A0A0D5-4B29-EE54-6178-04DDBED84402}"/>
              </a:ext>
            </a:extLst>
          </p:cNvPr>
          <p:cNvGrpSpPr/>
          <p:nvPr/>
        </p:nvGrpSpPr>
        <p:grpSpPr>
          <a:xfrm>
            <a:off x="391871" y="1856579"/>
            <a:ext cx="9930665" cy="4680000"/>
            <a:chOff x="291512" y="1923485"/>
            <a:chExt cx="9930665" cy="4680000"/>
          </a:xfrm>
        </p:grpSpPr>
        <p:sp>
          <p:nvSpPr>
            <p:cNvPr id="56" name="Arc partiel 55">
              <a:extLst>
                <a:ext uri="{FF2B5EF4-FFF2-40B4-BE49-F238E27FC236}">
                  <a16:creationId xmlns:a16="http://schemas.microsoft.com/office/drawing/2014/main" id="{A42B09E5-2EDD-924E-6175-56E13EAE71DF}"/>
                </a:ext>
              </a:extLst>
            </p:cNvPr>
            <p:cNvSpPr/>
            <p:nvPr/>
          </p:nvSpPr>
          <p:spPr>
            <a:xfrm flipH="1" flipV="1">
              <a:off x="291512" y="1923485"/>
              <a:ext cx="4680000" cy="4680000"/>
            </a:xfrm>
            <a:prstGeom prst="pie">
              <a:avLst>
                <a:gd name="adj1" fmla="val 9850088"/>
                <a:gd name="adj2" fmla="val 15296448"/>
              </a:avLst>
            </a:prstGeom>
            <a:solidFill>
              <a:schemeClr val="accent3"/>
            </a:solidFill>
            <a:ln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fr-FR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endParaRPr>
            </a:p>
          </p:txBody>
        </p:sp>
        <p:grpSp>
          <p:nvGrpSpPr>
            <p:cNvPr id="10" name="Groupe 9">
              <a:extLst>
                <a:ext uri="{FF2B5EF4-FFF2-40B4-BE49-F238E27FC236}">
                  <a16:creationId xmlns:a16="http://schemas.microsoft.com/office/drawing/2014/main" id="{5DAD1B3D-C7AF-25E1-54EA-1315D8E729B4}"/>
                </a:ext>
              </a:extLst>
            </p:cNvPr>
            <p:cNvGrpSpPr/>
            <p:nvPr/>
          </p:nvGrpSpPr>
          <p:grpSpPr>
            <a:xfrm>
              <a:off x="4840029" y="4338864"/>
              <a:ext cx="1861478" cy="458757"/>
              <a:chOff x="4693279" y="2946390"/>
              <a:chExt cx="1861478" cy="458757"/>
            </a:xfrm>
          </p:grpSpPr>
          <p:cxnSp>
            <p:nvCxnSpPr>
              <p:cNvPr id="26" name="Connecteur droit 25">
                <a:extLst>
                  <a:ext uri="{FF2B5EF4-FFF2-40B4-BE49-F238E27FC236}">
                    <a16:creationId xmlns:a16="http://schemas.microsoft.com/office/drawing/2014/main" id="{AD1EE3B5-50CE-DF3E-1CE5-3E55D4DBAE3B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4693279" y="3194689"/>
                <a:ext cx="1632099" cy="0"/>
              </a:xfrm>
              <a:prstGeom prst="line">
                <a:avLst/>
              </a:prstGeom>
              <a:ln w="6350">
                <a:solidFill>
                  <a:schemeClr val="accent3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7" name="Ellipse 26">
                <a:extLst>
                  <a:ext uri="{FF2B5EF4-FFF2-40B4-BE49-F238E27FC236}">
                    <a16:creationId xmlns:a16="http://schemas.microsoft.com/office/drawing/2014/main" id="{C669A307-A26F-FE37-F855-D526BB16AAD1}"/>
                  </a:ext>
                </a:extLst>
              </p:cNvPr>
              <p:cNvSpPr/>
              <p:nvPr/>
            </p:nvSpPr>
            <p:spPr>
              <a:xfrm>
                <a:off x="6096000" y="2946390"/>
                <a:ext cx="458757" cy="458757"/>
              </a:xfrm>
              <a:prstGeom prst="ellipse">
                <a:avLst/>
              </a:prstGeom>
              <a:solidFill>
                <a:schemeClr val="accent3"/>
              </a:solidFill>
              <a:ln>
                <a:solidFill>
                  <a:schemeClr val="accent3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fr-FR" noProof="0" dirty="0" err="1"/>
              </a:p>
            </p:txBody>
          </p:sp>
        </p:grpSp>
        <p:grpSp>
          <p:nvGrpSpPr>
            <p:cNvPr id="14" name="Groupe 13">
              <a:extLst>
                <a:ext uri="{FF2B5EF4-FFF2-40B4-BE49-F238E27FC236}">
                  <a16:creationId xmlns:a16="http://schemas.microsoft.com/office/drawing/2014/main" id="{AAC65C8D-4FBE-D9DC-3B46-7E0AA37E86CF}"/>
                </a:ext>
              </a:extLst>
            </p:cNvPr>
            <p:cNvGrpSpPr/>
            <p:nvPr/>
          </p:nvGrpSpPr>
          <p:grpSpPr>
            <a:xfrm>
              <a:off x="6941367" y="3935182"/>
              <a:ext cx="3280810" cy="893965"/>
              <a:chOff x="6760050" y="2609584"/>
              <a:chExt cx="3280810" cy="893965"/>
            </a:xfrm>
          </p:grpSpPr>
          <p:sp>
            <p:nvSpPr>
              <p:cNvPr id="28" name="ZoneTexte 27">
                <a:extLst>
                  <a:ext uri="{FF2B5EF4-FFF2-40B4-BE49-F238E27FC236}">
                    <a16:creationId xmlns:a16="http://schemas.microsoft.com/office/drawing/2014/main" id="{E68605E6-4F79-E432-55FE-31270C2FA281}"/>
                  </a:ext>
                </a:extLst>
              </p:cNvPr>
              <p:cNvSpPr txBox="1"/>
              <p:nvPr/>
            </p:nvSpPr>
            <p:spPr>
              <a:xfrm>
                <a:off x="6770734" y="2949551"/>
                <a:ext cx="3270126" cy="55399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200" i="0" u="none" strike="noStrike" kern="1200" cap="none" spc="0" normalizeH="0" baseline="0" noProof="0" dirty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Fibre</a:t>
                </a:r>
                <a:r>
                  <a:rPr kumimoji="0" lang="en-US" sz="1200" i="0" u="none" strike="noStrike" kern="120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 </a:t>
                </a:r>
                <a:r>
                  <a:rPr kumimoji="0" lang="en-US" sz="1200" i="0" u="none" strike="noStrike" kern="1200" cap="none" spc="0" normalizeH="0" baseline="0" noProof="0" dirty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managée</a:t>
                </a:r>
                <a:r>
                  <a:rPr kumimoji="0" lang="en-US" sz="1200" i="0" u="none" strike="noStrike" kern="120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 et </a:t>
                </a:r>
                <a:r>
                  <a:rPr kumimoji="0" lang="en-US" sz="1200" i="0" u="none" strike="noStrike" kern="1200" cap="none" spc="0" normalizeH="0" baseline="0" noProof="0" dirty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sécurisée</a:t>
                </a:r>
                <a:r>
                  <a:rPr kumimoji="0" lang="en-US" sz="1200" i="0" u="none" strike="noStrike" kern="120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, multi-</a:t>
                </a:r>
                <a:r>
                  <a:rPr kumimoji="0" lang="en-US" sz="1200" i="0" u="none" strike="noStrike" kern="1200" cap="none" spc="0" normalizeH="0" baseline="0" noProof="0" dirty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opérateurs</a:t>
                </a:r>
                <a:endParaRPr kumimoji="0" lang="en-US" sz="1200" i="0" u="none" strike="noStrike" kern="1200" cap="none" spc="0" normalizeH="0" baseline="0" noProof="0" dirty="0">
                  <a:ln>
                    <a:noFill/>
                  </a:ln>
                  <a:solidFill>
                    <a:srgbClr val="000000"/>
                  </a:solidFill>
                  <a:effectLst/>
                  <a:uLnTx/>
                  <a:uFillTx/>
                  <a:ea typeface="+mn-ea"/>
                  <a:cs typeface="+mn-cs"/>
                </a:endParaRPr>
              </a:p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200" i="0" u="none" strike="noStrike" kern="1200" cap="none" spc="0" normalizeH="0" baseline="0" noProof="0" dirty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Réseaux</a:t>
                </a:r>
                <a:r>
                  <a:rPr kumimoji="0" lang="en-US" sz="1200" i="0" u="none" strike="noStrike" kern="120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 </a:t>
                </a:r>
                <a:r>
                  <a:rPr kumimoji="0" lang="en-US" sz="1200" i="0" u="none" strike="noStrike" kern="1200" cap="none" spc="0" normalizeH="0" baseline="0" noProof="0" dirty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privés</a:t>
                </a:r>
                <a:r>
                  <a:rPr kumimoji="0" lang="en-US" sz="1200" i="0" u="none" strike="noStrike" kern="120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 multi-sites MPLS et SD-WAN</a:t>
                </a:r>
              </a:p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en-US" sz="1200" i="0" u="none" strike="noStrike" kern="1200" cap="none" spc="0" normalizeH="0" baseline="0" noProof="0" dirty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Connexions</a:t>
                </a:r>
                <a:r>
                  <a:rPr kumimoji="0" lang="en-US" sz="1200" i="0" u="none" strike="noStrike" kern="120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 </a:t>
                </a:r>
                <a:r>
                  <a:rPr kumimoji="0" lang="en-US" sz="1200" i="0" u="none" strike="noStrike" kern="1200" cap="none" spc="0" normalizeH="0" baseline="0" noProof="0" dirty="0" err="1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privées</a:t>
                </a:r>
                <a:r>
                  <a:rPr kumimoji="0" lang="en-US" sz="1200" i="0" u="none" strike="noStrike" kern="1200" cap="none" spc="0" normalizeH="0" baseline="0" noProof="0" dirty="0">
                    <a:ln>
                      <a:noFill/>
                    </a:ln>
                    <a:solidFill>
                      <a:srgbClr val="000000"/>
                    </a:solidFill>
                    <a:effectLst/>
                    <a:uLnTx/>
                    <a:uFillTx/>
                    <a:ea typeface="+mn-ea"/>
                    <a:cs typeface="+mn-cs"/>
                  </a:rPr>
                  <a:t> aux clouds publics</a:t>
                </a:r>
              </a:p>
            </p:txBody>
          </p:sp>
          <p:sp>
            <p:nvSpPr>
              <p:cNvPr id="29" name="ZoneTexte 28">
                <a:extLst>
                  <a:ext uri="{FF2B5EF4-FFF2-40B4-BE49-F238E27FC236}">
                    <a16:creationId xmlns:a16="http://schemas.microsoft.com/office/drawing/2014/main" id="{C3C245FF-3E09-C15A-B573-17691ADD86C8}"/>
                  </a:ext>
                </a:extLst>
              </p:cNvPr>
              <p:cNvSpPr txBox="1"/>
              <p:nvPr/>
            </p:nvSpPr>
            <p:spPr>
              <a:xfrm>
                <a:off x="6760050" y="2609584"/>
                <a:ext cx="1215076" cy="2308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lang="fr-FR" sz="1500" dirty="0">
                    <a:solidFill>
                      <a:schemeClr val="accent3"/>
                    </a:solidFill>
                    <a:latin typeface="+mj-lt"/>
                  </a:rPr>
                  <a:t>Connectivité</a:t>
                </a:r>
              </a:p>
            </p:txBody>
          </p:sp>
        </p:grpSp>
      </p:grpSp>
      <p:grpSp>
        <p:nvGrpSpPr>
          <p:cNvPr id="18" name="Groupe 17">
            <a:extLst>
              <a:ext uri="{FF2B5EF4-FFF2-40B4-BE49-F238E27FC236}">
                <a16:creationId xmlns:a16="http://schemas.microsoft.com/office/drawing/2014/main" id="{AAD4A914-700C-8F32-3577-047EE5D54768}"/>
              </a:ext>
            </a:extLst>
          </p:cNvPr>
          <p:cNvGrpSpPr/>
          <p:nvPr/>
        </p:nvGrpSpPr>
        <p:grpSpPr>
          <a:xfrm>
            <a:off x="520863" y="2028295"/>
            <a:ext cx="9963123" cy="4320000"/>
            <a:chOff x="420504" y="2106352"/>
            <a:chExt cx="9963123" cy="4320000"/>
          </a:xfrm>
        </p:grpSpPr>
        <p:sp>
          <p:nvSpPr>
            <p:cNvPr id="53" name="Arc partiel 52">
              <a:extLst>
                <a:ext uri="{FF2B5EF4-FFF2-40B4-BE49-F238E27FC236}">
                  <a16:creationId xmlns:a16="http://schemas.microsoft.com/office/drawing/2014/main" id="{AE8E8A57-C269-9612-A58E-45C29EC77757}"/>
                </a:ext>
              </a:extLst>
            </p:cNvPr>
            <p:cNvSpPr/>
            <p:nvPr/>
          </p:nvSpPr>
          <p:spPr>
            <a:xfrm flipH="1" flipV="1">
              <a:off x="420504" y="2106352"/>
              <a:ext cx="4320000" cy="4320000"/>
            </a:xfrm>
            <a:prstGeom prst="pie">
              <a:avLst>
                <a:gd name="adj1" fmla="val 8136698"/>
                <a:gd name="adj2" fmla="val 16180605"/>
              </a:avLst>
            </a:prstGeom>
            <a:solidFill>
              <a:schemeClr val="accent2"/>
            </a:solidFill>
            <a:ln>
              <a:noFill/>
            </a:ln>
            <a:effectLst/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36000" rIns="72000" bIns="36000" rtlCol="0" anchor="ctr"/>
            <a:lstStyle/>
            <a:p>
              <a:pPr marL="0" marR="0" lvl="0" indent="0" algn="ctr" defTabSz="914400" rtl="0" eaLnBrk="1" fontAlgn="auto" latinLnBrk="0" hangingPunct="1">
                <a:lnSpc>
                  <a:spcPct val="100000"/>
                </a:lnSpc>
                <a:spcBef>
                  <a:spcPts val="0"/>
                </a:spcBef>
                <a:spcAft>
                  <a:spcPts val="0"/>
                </a:spcAft>
                <a:buClrTx/>
                <a:buSzTx/>
                <a:buFontTx/>
                <a:buNone/>
                <a:tabLst/>
                <a:defRPr/>
              </a:pPr>
              <a:endParaRPr kumimoji="0" lang="fr-FR" sz="1800" b="0" i="0" u="none" strike="noStrike" kern="1200" cap="none" spc="0" normalizeH="0" baseline="0" noProof="0" dirty="0" err="1">
                <a:ln>
                  <a:noFill/>
                </a:ln>
                <a:solidFill>
                  <a:srgbClr val="000000"/>
                </a:solidFill>
                <a:effectLst/>
                <a:uLnTx/>
                <a:uFillTx/>
                <a:latin typeface="Dstny Body"/>
                <a:ea typeface="+mn-ea"/>
                <a:cs typeface="+mn-cs"/>
              </a:endParaRPr>
            </a:p>
          </p:txBody>
        </p:sp>
        <p:grpSp>
          <p:nvGrpSpPr>
            <p:cNvPr id="4" name="Groupe 3">
              <a:extLst>
                <a:ext uri="{FF2B5EF4-FFF2-40B4-BE49-F238E27FC236}">
                  <a16:creationId xmlns:a16="http://schemas.microsoft.com/office/drawing/2014/main" id="{7E001EA5-482B-D5C5-9989-5641CE007FFF}"/>
                </a:ext>
              </a:extLst>
            </p:cNvPr>
            <p:cNvGrpSpPr/>
            <p:nvPr/>
          </p:nvGrpSpPr>
          <p:grpSpPr>
            <a:xfrm>
              <a:off x="4310823" y="2980838"/>
              <a:ext cx="1861478" cy="458757"/>
              <a:chOff x="4196487" y="4300354"/>
              <a:chExt cx="1861478" cy="458757"/>
            </a:xfrm>
          </p:grpSpPr>
          <p:cxnSp>
            <p:nvCxnSpPr>
              <p:cNvPr id="21" name="Connecteur droit 20">
                <a:extLst>
                  <a:ext uri="{FF2B5EF4-FFF2-40B4-BE49-F238E27FC236}">
                    <a16:creationId xmlns:a16="http://schemas.microsoft.com/office/drawing/2014/main" id="{B8B30BCE-A36E-C5C0-104B-0502C3320CEB}"/>
                  </a:ext>
                </a:extLst>
              </p:cNvPr>
              <p:cNvCxnSpPr>
                <a:cxnSpLocks/>
              </p:cNvCxnSpPr>
              <p:nvPr/>
            </p:nvCxnSpPr>
            <p:spPr>
              <a:xfrm flipV="1">
                <a:off x="4196487" y="4548653"/>
                <a:ext cx="1632099" cy="0"/>
              </a:xfrm>
              <a:prstGeom prst="line">
                <a:avLst/>
              </a:prstGeom>
              <a:ln w="6350">
                <a:solidFill>
                  <a:schemeClr val="accent2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sp>
            <p:nvSpPr>
              <p:cNvPr id="20" name="Ellipse 19">
                <a:extLst>
                  <a:ext uri="{FF2B5EF4-FFF2-40B4-BE49-F238E27FC236}">
                    <a16:creationId xmlns:a16="http://schemas.microsoft.com/office/drawing/2014/main" id="{DC542E54-DC5F-F627-B163-FA8A97F19DB9}"/>
                  </a:ext>
                </a:extLst>
              </p:cNvPr>
              <p:cNvSpPr/>
              <p:nvPr/>
            </p:nvSpPr>
            <p:spPr>
              <a:xfrm flipV="1">
                <a:off x="5599208" y="4300354"/>
                <a:ext cx="458757" cy="458757"/>
              </a:xfrm>
              <a:prstGeom prst="ellipse">
                <a:avLst/>
              </a:prstGeom>
              <a:solidFill>
                <a:schemeClr val="accent2"/>
              </a:solidFill>
              <a:ln>
                <a:solidFill>
                  <a:schemeClr val="accent2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fr-FR" noProof="0" dirty="0" err="1"/>
              </a:p>
            </p:txBody>
          </p:sp>
        </p:grpSp>
        <p:grpSp>
          <p:nvGrpSpPr>
            <p:cNvPr id="9" name="Groupe 8">
              <a:extLst>
                <a:ext uri="{FF2B5EF4-FFF2-40B4-BE49-F238E27FC236}">
                  <a16:creationId xmlns:a16="http://schemas.microsoft.com/office/drawing/2014/main" id="{20C63AD9-C2DE-D5AD-F844-2834F608B28B}"/>
                </a:ext>
              </a:extLst>
            </p:cNvPr>
            <p:cNvGrpSpPr/>
            <p:nvPr/>
          </p:nvGrpSpPr>
          <p:grpSpPr>
            <a:xfrm>
              <a:off x="6411922" y="2635051"/>
              <a:ext cx="3971705" cy="893965"/>
              <a:chOff x="6263258" y="3963548"/>
              <a:chExt cx="3971705" cy="893965"/>
            </a:xfrm>
          </p:grpSpPr>
          <p:sp>
            <p:nvSpPr>
              <p:cNvPr id="23" name="ZoneTexte 22">
                <a:extLst>
                  <a:ext uri="{FF2B5EF4-FFF2-40B4-BE49-F238E27FC236}">
                    <a16:creationId xmlns:a16="http://schemas.microsoft.com/office/drawing/2014/main" id="{02BF0C04-4630-E180-2D15-604BF3FEA671}"/>
                  </a:ext>
                </a:extLst>
              </p:cNvPr>
              <p:cNvSpPr txBox="1"/>
              <p:nvPr/>
            </p:nvSpPr>
            <p:spPr>
              <a:xfrm>
                <a:off x="6273942" y="4303515"/>
                <a:ext cx="3961021" cy="553998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algn="l"/>
                <a:r>
                  <a:rPr lang="fr-FR" sz="1200" dirty="0"/>
                  <a:t>Cloud souverain, hébergement datacenters Tier 3</a:t>
                </a:r>
              </a:p>
              <a:p>
                <a:pPr algn="l"/>
                <a:r>
                  <a:rPr lang="fr-FR" sz="1200" dirty="0"/>
                  <a:t>Infrastructure adaptée à vos besoins et évolutive</a:t>
                </a:r>
              </a:p>
              <a:p>
                <a:pPr algn="l"/>
                <a:r>
                  <a:rPr lang="fr-FR" sz="1200" dirty="0"/>
                  <a:t>Externalisation des sauvegardes, mise en place de PRA</a:t>
                </a:r>
                <a:endParaRPr lang="en-US" sz="1200" dirty="0"/>
              </a:p>
            </p:txBody>
          </p:sp>
          <p:sp>
            <p:nvSpPr>
              <p:cNvPr id="24" name="ZoneTexte 23">
                <a:extLst>
                  <a:ext uri="{FF2B5EF4-FFF2-40B4-BE49-F238E27FC236}">
                    <a16:creationId xmlns:a16="http://schemas.microsoft.com/office/drawing/2014/main" id="{486C89D3-ED0B-8882-9BBE-4483469C1BAC}"/>
                  </a:ext>
                </a:extLst>
              </p:cNvPr>
              <p:cNvSpPr txBox="1"/>
              <p:nvPr/>
            </p:nvSpPr>
            <p:spPr>
              <a:xfrm>
                <a:off x="6263258" y="3963548"/>
                <a:ext cx="1893147" cy="2308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lang="fr-FR" sz="1500" dirty="0">
                    <a:solidFill>
                      <a:schemeClr val="accent2"/>
                    </a:solidFill>
                    <a:latin typeface="+mj-lt"/>
                  </a:rPr>
                  <a:t>Infrastructure cloud</a:t>
                </a:r>
              </a:p>
            </p:txBody>
          </p:sp>
        </p:grpSp>
      </p:grpSp>
      <p:sp>
        <p:nvSpPr>
          <p:cNvPr id="54" name="Ellipse 53">
            <a:extLst>
              <a:ext uri="{FF2B5EF4-FFF2-40B4-BE49-F238E27FC236}">
                <a16:creationId xmlns:a16="http://schemas.microsoft.com/office/drawing/2014/main" id="{EA7D9C63-4905-2806-E4EF-5AC5721A4AD2}"/>
              </a:ext>
            </a:extLst>
          </p:cNvPr>
          <p:cNvSpPr/>
          <p:nvPr/>
        </p:nvSpPr>
        <p:spPr>
          <a:xfrm>
            <a:off x="620388" y="2175838"/>
            <a:ext cx="3960000" cy="3960000"/>
          </a:xfrm>
          <a:prstGeom prst="ellipse">
            <a:avLst/>
          </a:prstGeom>
          <a:solidFill>
            <a:schemeClr val="bg1"/>
          </a:solidFill>
          <a:ln>
            <a:noFill/>
          </a:ln>
          <a:effectLst/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fr-FR" sz="1800" b="0" i="0" u="none" strike="noStrike" kern="1200" cap="none" spc="0" normalizeH="0" baseline="0" noProof="0" dirty="0" err="1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Dstny Body"/>
              <a:ea typeface="+mn-ea"/>
              <a:cs typeface="+mn-cs"/>
            </a:endParaRPr>
          </a:p>
        </p:txBody>
      </p:sp>
      <p:sp>
        <p:nvSpPr>
          <p:cNvPr id="5" name="Ellipse 4">
            <a:extLst>
              <a:ext uri="{FF2B5EF4-FFF2-40B4-BE49-F238E27FC236}">
                <a16:creationId xmlns:a16="http://schemas.microsoft.com/office/drawing/2014/main" id="{1ABEC797-03DA-EE11-13FE-8B5B9659D5B7}"/>
              </a:ext>
            </a:extLst>
          </p:cNvPr>
          <p:cNvSpPr/>
          <p:nvPr/>
        </p:nvSpPr>
        <p:spPr>
          <a:xfrm>
            <a:off x="962865" y="2927816"/>
            <a:ext cx="2572747" cy="2572747"/>
          </a:xfrm>
          <a:prstGeom prst="ellipse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fr-FR" noProof="0" dirty="0" err="1"/>
          </a:p>
        </p:txBody>
      </p:sp>
      <p:pic>
        <p:nvPicPr>
          <p:cNvPr id="6" name="Image 5" descr="Une image contenant texte, arts de la table, vaisselle, assiette&#10;&#10;Description générée automatiquement">
            <a:extLst>
              <a:ext uri="{FF2B5EF4-FFF2-40B4-BE49-F238E27FC236}">
                <a16:creationId xmlns:a16="http://schemas.microsoft.com/office/drawing/2014/main" id="{887932F3-05E8-4D2F-F4B9-B58E358E43B3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r="74861"/>
          <a:stretch/>
        </p:blipFill>
        <p:spPr>
          <a:xfrm>
            <a:off x="1565405" y="3453553"/>
            <a:ext cx="1367665" cy="1985790"/>
          </a:xfrm>
          <a:prstGeom prst="rect">
            <a:avLst/>
          </a:prstGeom>
        </p:spPr>
      </p:pic>
      <p:grpSp>
        <p:nvGrpSpPr>
          <p:cNvPr id="17" name="Groupe 16">
            <a:extLst>
              <a:ext uri="{FF2B5EF4-FFF2-40B4-BE49-F238E27FC236}">
                <a16:creationId xmlns:a16="http://schemas.microsoft.com/office/drawing/2014/main" id="{78D79CD6-BC64-6787-147B-F7F03D6D135B}"/>
              </a:ext>
            </a:extLst>
          </p:cNvPr>
          <p:cNvGrpSpPr/>
          <p:nvPr/>
        </p:nvGrpSpPr>
        <p:grpSpPr>
          <a:xfrm>
            <a:off x="2323762" y="1135629"/>
            <a:ext cx="7845483" cy="1834436"/>
            <a:chOff x="2223403" y="1213686"/>
            <a:chExt cx="7845483" cy="1834436"/>
          </a:xfrm>
        </p:grpSpPr>
        <p:grpSp>
          <p:nvGrpSpPr>
            <p:cNvPr id="3" name="Groupe 2">
              <a:extLst>
                <a:ext uri="{FF2B5EF4-FFF2-40B4-BE49-F238E27FC236}">
                  <a16:creationId xmlns:a16="http://schemas.microsoft.com/office/drawing/2014/main" id="{DFA8B435-3529-BB1F-5507-BE1C0A85E0BA}"/>
                </a:ext>
              </a:extLst>
            </p:cNvPr>
            <p:cNvGrpSpPr/>
            <p:nvPr/>
          </p:nvGrpSpPr>
          <p:grpSpPr>
            <a:xfrm>
              <a:off x="4740504" y="1213686"/>
              <a:ext cx="5328382" cy="1078631"/>
              <a:chOff x="4421530" y="5333438"/>
              <a:chExt cx="5328382" cy="1078631"/>
            </a:xfrm>
          </p:grpSpPr>
          <p:sp>
            <p:nvSpPr>
              <p:cNvPr id="8" name="ZoneTexte 7">
                <a:extLst>
                  <a:ext uri="{FF2B5EF4-FFF2-40B4-BE49-F238E27FC236}">
                    <a16:creationId xmlns:a16="http://schemas.microsoft.com/office/drawing/2014/main" id="{864D00D6-9E47-9E04-0EF2-958D5450A0C8}"/>
                  </a:ext>
                </a:extLst>
              </p:cNvPr>
              <p:cNvSpPr txBox="1"/>
              <p:nvPr/>
            </p:nvSpPr>
            <p:spPr>
              <a:xfrm>
                <a:off x="4432214" y="5673405"/>
                <a:ext cx="2798843" cy="73866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lang="fr-FR" sz="1200" dirty="0"/>
                  <a:t>Plateforme de communication cloud</a:t>
                </a:r>
                <a:br>
                  <a:rPr lang="fr-FR" sz="1200" dirty="0">
                    <a:solidFill>
                      <a:srgbClr val="1BA9B5"/>
                    </a:solidFill>
                    <a:latin typeface="Dstny Headline"/>
                  </a:rPr>
                </a:br>
                <a:r>
                  <a:rPr lang="fr-FR" sz="1200" dirty="0"/>
                  <a:t>Intégration Microsoft Teams</a:t>
                </a:r>
              </a:p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kumimoji="0" lang="fr-FR" sz="1200" i="0" u="none" strike="noStrike" kern="1200" cap="none" spc="0" normalizeH="0" baseline="0" noProof="0" dirty="0">
                    <a:ln>
                      <a:noFill/>
                    </a:ln>
                    <a:effectLst/>
                    <a:uLnTx/>
                    <a:uFillTx/>
                    <a:ea typeface="+mn-ea"/>
                    <a:cs typeface="+mn-cs"/>
                  </a:rPr>
                  <a:t>Connecteurs CRM</a:t>
                </a:r>
              </a:p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lang="fr-FR" sz="1200" dirty="0"/>
                  <a:t>Téléphonie et convergence fixe mobile</a:t>
                </a:r>
                <a:endParaRPr kumimoji="0" lang="fr-FR" sz="1200" i="0" u="none" strike="noStrike" kern="1200" cap="none" spc="0" normalizeH="0" baseline="0" noProof="0" dirty="0">
                  <a:ln>
                    <a:noFill/>
                  </a:ln>
                  <a:effectLst/>
                  <a:uLnTx/>
                  <a:uFillTx/>
                  <a:ea typeface="+mn-ea"/>
                  <a:cs typeface="+mn-cs"/>
                </a:endParaRPr>
              </a:p>
            </p:txBody>
          </p:sp>
          <p:sp>
            <p:nvSpPr>
              <p:cNvPr id="12" name="ZoneTexte 11">
                <a:extLst>
                  <a:ext uri="{FF2B5EF4-FFF2-40B4-BE49-F238E27FC236}">
                    <a16:creationId xmlns:a16="http://schemas.microsoft.com/office/drawing/2014/main" id="{5692F4EA-D483-28A5-0395-8F720D1229D9}"/>
                  </a:ext>
                </a:extLst>
              </p:cNvPr>
              <p:cNvSpPr txBox="1"/>
              <p:nvPr/>
            </p:nvSpPr>
            <p:spPr>
              <a:xfrm>
                <a:off x="7611506" y="5659998"/>
                <a:ext cx="2138406" cy="738664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lang="fr-FR" sz="1200" dirty="0"/>
                  <a:t>Communications omnicanales</a:t>
                </a:r>
                <a:br>
                  <a:rPr lang="fr-FR" sz="1200" dirty="0">
                    <a:solidFill>
                      <a:srgbClr val="1BA9B5"/>
                    </a:solidFill>
                    <a:latin typeface="Dstny Headline"/>
                  </a:rPr>
                </a:br>
                <a:r>
                  <a:rPr lang="fr-FR" sz="1200" dirty="0"/>
                  <a:t>Statistiques en temps réel</a:t>
                </a:r>
              </a:p>
              <a:p>
                <a:pPr>
                  <a:defRPr/>
                </a:pPr>
                <a:r>
                  <a:rPr lang="fr-FR" sz="1200" dirty="0"/>
                  <a:t>Analyses et rapports</a:t>
                </a:r>
              </a:p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lang="fr-FR" sz="1200" dirty="0"/>
                  <a:t>Intelligence conversationnelle</a:t>
                </a:r>
                <a:endParaRPr kumimoji="0" lang="fr-FR" sz="1200" i="0" u="none" strike="noStrike" kern="1200" cap="none" spc="0" normalizeH="0" baseline="0" noProof="0" dirty="0">
                  <a:ln>
                    <a:noFill/>
                  </a:ln>
                  <a:effectLst/>
                  <a:uLnTx/>
                  <a:uFillTx/>
                  <a:ea typeface="+mn-ea"/>
                  <a:cs typeface="+mn-cs"/>
                </a:endParaRPr>
              </a:p>
            </p:txBody>
          </p:sp>
          <p:sp>
            <p:nvSpPr>
              <p:cNvPr id="13" name="ZoneTexte 12">
                <a:extLst>
                  <a:ext uri="{FF2B5EF4-FFF2-40B4-BE49-F238E27FC236}">
                    <a16:creationId xmlns:a16="http://schemas.microsoft.com/office/drawing/2014/main" id="{9AB04743-117A-2C2B-A31A-AB19E5DE600B}"/>
                  </a:ext>
                </a:extLst>
              </p:cNvPr>
              <p:cNvSpPr txBox="1"/>
              <p:nvPr/>
            </p:nvSpPr>
            <p:spPr>
              <a:xfrm>
                <a:off x="4421530" y="5333438"/>
                <a:ext cx="3189976" cy="230832"/>
              </a:xfrm>
              <a:prstGeom prst="rect">
                <a:avLst/>
              </a:prstGeom>
              <a:noFill/>
            </p:spPr>
            <p:txBody>
              <a:bodyPr wrap="none" lIns="0" tIns="0" rIns="0" bIns="0" rtlCol="0">
                <a:spAutoFit/>
              </a:bodyPr>
              <a:lstStyle/>
              <a:p>
                <a:pPr marL="0" marR="0" lvl="0" indent="0" algn="l" defTabSz="914400" rtl="0" eaLnBrk="1" fontAlgn="auto" latinLnBrk="0" hangingPunct="1">
                  <a:lnSpc>
                    <a:spcPct val="100000"/>
                  </a:lnSpc>
                  <a:spcBef>
                    <a:spcPts val="0"/>
                  </a:spcBef>
                  <a:spcAft>
                    <a:spcPts val="0"/>
                  </a:spcAft>
                  <a:buClrTx/>
                  <a:buSzTx/>
                  <a:buFontTx/>
                  <a:buNone/>
                  <a:tabLst/>
                  <a:defRPr/>
                </a:pPr>
                <a:r>
                  <a:rPr lang="fr-FR" sz="1500" dirty="0">
                    <a:solidFill>
                      <a:schemeClr val="accent1"/>
                    </a:solidFill>
                    <a:latin typeface="+mj-lt"/>
                  </a:rPr>
                  <a:t>Mobile Business Communications</a:t>
                </a:r>
              </a:p>
            </p:txBody>
          </p:sp>
        </p:grpSp>
        <p:grpSp>
          <p:nvGrpSpPr>
            <p:cNvPr id="35" name="Groupe 34">
              <a:extLst>
                <a:ext uri="{FF2B5EF4-FFF2-40B4-BE49-F238E27FC236}">
                  <a16:creationId xmlns:a16="http://schemas.microsoft.com/office/drawing/2014/main" id="{CB4D4658-F8ED-F3B3-E33C-B60D3D23F551}"/>
                </a:ext>
              </a:extLst>
            </p:cNvPr>
            <p:cNvGrpSpPr/>
            <p:nvPr/>
          </p:nvGrpSpPr>
          <p:grpSpPr>
            <a:xfrm flipV="1">
              <a:off x="2223403" y="1639419"/>
              <a:ext cx="2198747" cy="1408703"/>
              <a:chOff x="2043942" y="4759111"/>
              <a:chExt cx="2198747" cy="1408703"/>
            </a:xfrm>
          </p:grpSpPr>
          <p:sp>
            <p:nvSpPr>
              <p:cNvPr id="7" name="Ellipse 6">
                <a:extLst>
                  <a:ext uri="{FF2B5EF4-FFF2-40B4-BE49-F238E27FC236}">
                    <a16:creationId xmlns:a16="http://schemas.microsoft.com/office/drawing/2014/main" id="{DB2EAF9F-4F6C-BFB8-5F51-0C3B3EB691FD}"/>
                  </a:ext>
                </a:extLst>
              </p:cNvPr>
              <p:cNvSpPr/>
              <p:nvPr/>
            </p:nvSpPr>
            <p:spPr>
              <a:xfrm>
                <a:off x="3783932" y="5709057"/>
                <a:ext cx="458757" cy="458757"/>
              </a:xfrm>
              <a:prstGeom prst="ellipse">
                <a:avLst/>
              </a:prstGeom>
              <a:ln>
                <a:solidFill>
                  <a:schemeClr val="accent1"/>
                </a:solidFill>
              </a:ln>
            </p:spPr>
            <p:style>
              <a:lnRef idx="2">
                <a:schemeClr val="accent1">
                  <a:shade val="50000"/>
                </a:schemeClr>
              </a:lnRef>
              <a:fillRef idx="1">
                <a:schemeClr val="accent1"/>
              </a:fillRef>
              <a:effectRef idx="0">
                <a:schemeClr val="accent1"/>
              </a:effectRef>
              <a:fontRef idx="minor">
                <a:schemeClr val="lt1"/>
              </a:fontRef>
            </p:style>
            <p:txBody>
              <a:bodyPr lIns="72000" tIns="36000" rIns="72000" bIns="36000" rtlCol="0" anchor="ctr"/>
              <a:lstStyle/>
              <a:p>
                <a:pPr algn="ctr"/>
                <a:endParaRPr lang="fr-FR" noProof="0" dirty="0" err="1"/>
              </a:p>
            </p:txBody>
          </p:sp>
          <p:cxnSp>
            <p:nvCxnSpPr>
              <p:cNvPr id="15" name="Connecteur droit 14">
                <a:extLst>
                  <a:ext uri="{FF2B5EF4-FFF2-40B4-BE49-F238E27FC236}">
                    <a16:creationId xmlns:a16="http://schemas.microsoft.com/office/drawing/2014/main" id="{58FE3F3D-E80B-6805-2A15-0C7D328BB8D3}"/>
                  </a:ext>
                </a:extLst>
              </p:cNvPr>
              <p:cNvCxnSpPr>
                <a:cxnSpLocks/>
              </p:cNvCxnSpPr>
              <p:nvPr/>
            </p:nvCxnSpPr>
            <p:spPr>
              <a:xfrm>
                <a:off x="2043944" y="4759111"/>
                <a:ext cx="0" cy="1188207"/>
              </a:xfrm>
              <a:prstGeom prst="line">
                <a:avLst/>
              </a:prstGeom>
              <a:ln w="6350">
                <a:solidFill>
                  <a:schemeClr val="accent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19" name="Connecteur droit 18">
                <a:extLst>
                  <a:ext uri="{FF2B5EF4-FFF2-40B4-BE49-F238E27FC236}">
                    <a16:creationId xmlns:a16="http://schemas.microsoft.com/office/drawing/2014/main" id="{A2F60FFA-E148-9778-C6DA-67185EC4B801}"/>
                  </a:ext>
                </a:extLst>
              </p:cNvPr>
              <p:cNvCxnSpPr/>
              <p:nvPr/>
            </p:nvCxnSpPr>
            <p:spPr>
              <a:xfrm>
                <a:off x="2043942" y="5947318"/>
                <a:ext cx="1969368" cy="0"/>
              </a:xfrm>
              <a:prstGeom prst="line">
                <a:avLst/>
              </a:prstGeom>
              <a:ln w="6350">
                <a:solidFill>
                  <a:schemeClr val="accent1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</p:grpSp>
      <p:sp>
        <p:nvSpPr>
          <p:cNvPr id="40" name="Titre 1">
            <a:extLst>
              <a:ext uri="{FF2B5EF4-FFF2-40B4-BE49-F238E27FC236}">
                <a16:creationId xmlns:a16="http://schemas.microsoft.com/office/drawing/2014/main" id="{3DF0489B-F852-FA07-0535-65D6BEE88CC9}"/>
              </a:ext>
            </a:extLst>
          </p:cNvPr>
          <p:cNvSpPr txBox="1">
            <a:spLocks/>
          </p:cNvSpPr>
          <p:nvPr/>
        </p:nvSpPr>
        <p:spPr>
          <a:xfrm>
            <a:off x="446309" y="462071"/>
            <a:ext cx="10419613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NOS SOLUTIONS D’AUJOURD’HUI ET DE DEMAIN</a:t>
            </a:r>
            <a:endParaRPr lang="fr-FR" dirty="0"/>
          </a:p>
        </p:txBody>
      </p:sp>
    </p:spTree>
    <p:extLst>
      <p:ext uri="{BB962C8B-B14F-4D97-AF65-F5344CB8AC3E}">
        <p14:creationId xmlns:p14="http://schemas.microsoft.com/office/powerpoint/2010/main" val="3637475798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500"/>
                                        <p:tgtEl>
                                          <p:spTgt spid="1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8" fill="hold">
                            <p:stCondLst>
                              <p:cond delay="500"/>
                            </p:stCondLst>
                            <p:childTnLst>
                              <p:par>
                                <p:cTn id="9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0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8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1" dur="500"/>
                                        <p:tgtEl>
                                          <p:spTgt spid="18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2" fill="hold">
                            <p:stCondLst>
                              <p:cond delay="1000"/>
                            </p:stCondLst>
                            <p:childTnLst>
                              <p:par>
                                <p:cTn id="13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500"/>
                                        <p:tgtEl>
                                          <p:spTgt spid="2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  <p:par>
                          <p:cTn id="16" fill="hold">
                            <p:stCondLst>
                              <p:cond delay="1500"/>
                            </p:stCondLst>
                            <p:childTnLst>
                              <p:par>
                                <p:cTn id="17" presetID="10" presetClass="entr" presetSubtype="0" fill="hold" nodeType="after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8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5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9" dur="500"/>
                                        <p:tgtEl>
                                          <p:spTgt spid="25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ZoneTexte 4">
            <a:extLst>
              <a:ext uri="{FF2B5EF4-FFF2-40B4-BE49-F238E27FC236}">
                <a16:creationId xmlns:a16="http://schemas.microsoft.com/office/drawing/2014/main" id="{A63BE9A8-3631-B993-1372-F5A50C3A686E}"/>
              </a:ext>
            </a:extLst>
          </p:cNvPr>
          <p:cNvSpPr txBox="1"/>
          <p:nvPr/>
        </p:nvSpPr>
        <p:spPr>
          <a:xfrm>
            <a:off x="3159303" y="2690336"/>
            <a:ext cx="5873403" cy="1477328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NE RATEZ PAS </a:t>
            </a:r>
          </a:p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L’APPEL DU FUTUR </a:t>
            </a:r>
          </a:p>
        </p:txBody>
      </p:sp>
    </p:spTree>
    <p:extLst>
      <p:ext uri="{BB962C8B-B14F-4D97-AF65-F5344CB8AC3E}">
        <p14:creationId xmlns:p14="http://schemas.microsoft.com/office/powerpoint/2010/main" val="76060822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9" name="Picture 68" descr="A group of electronic devices&#10;&#10;Description automatically generated">
            <a:extLst>
              <a:ext uri="{FF2B5EF4-FFF2-40B4-BE49-F238E27FC236}">
                <a16:creationId xmlns:a16="http://schemas.microsoft.com/office/drawing/2014/main" id="{D37B43FB-1CD2-C08C-06FA-A924C7C95619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2204" t="18796" r="8941" b="25214"/>
          <a:stretch/>
        </p:blipFill>
        <p:spPr>
          <a:xfrm>
            <a:off x="1501604" y="4195970"/>
            <a:ext cx="6664961" cy="2662030"/>
          </a:xfrm>
          <a:prstGeom prst="rect">
            <a:avLst/>
          </a:prstGeom>
        </p:spPr>
      </p:pic>
      <p:sp>
        <p:nvSpPr>
          <p:cNvPr id="17" name="Titre 1">
            <a:extLst>
              <a:ext uri="{FF2B5EF4-FFF2-40B4-BE49-F238E27FC236}">
                <a16:creationId xmlns:a16="http://schemas.microsoft.com/office/drawing/2014/main" id="{361543B4-DE15-8712-BA2E-85F5A06B20A9}"/>
              </a:ext>
            </a:extLst>
          </p:cNvPr>
          <p:cNvSpPr txBox="1">
            <a:spLocks/>
          </p:cNvSpPr>
          <p:nvPr/>
        </p:nvSpPr>
        <p:spPr>
          <a:xfrm>
            <a:off x="446309" y="462071"/>
            <a:ext cx="11034491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LE FUTUR DE VOS COMMUNICATIONS D’ENTREPRISE, </a:t>
            </a:r>
          </a:p>
          <a:p>
            <a:r>
              <a:rPr lang="fr-FR" dirty="0">
                <a:sym typeface="Wingdings" pitchFamily="2" charset="2"/>
              </a:rPr>
              <a:t>AUJOURD’HUI </a:t>
            </a:r>
            <a:endParaRPr lang="fr-FR" dirty="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E47CA197-BAF7-32D5-C037-28D1F11E3842}"/>
              </a:ext>
            </a:extLst>
          </p:cNvPr>
          <p:cNvSpPr txBox="1"/>
          <p:nvPr/>
        </p:nvSpPr>
        <p:spPr>
          <a:xfrm>
            <a:off x="439695" y="2716493"/>
            <a:ext cx="3333211" cy="14557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lnSpc>
                <a:spcPct val="150000"/>
              </a:lnSpc>
            </a:pPr>
            <a:r>
              <a:rPr lang="en-FR" sz="800" dirty="0"/>
              <a:t>Nouveaux environnement de travail (hybride)  </a:t>
            </a:r>
          </a:p>
          <a:p>
            <a:pPr algn="l">
              <a:lnSpc>
                <a:spcPct val="150000"/>
              </a:lnSpc>
            </a:pPr>
            <a:r>
              <a:rPr lang="en-FR" sz="800" dirty="0"/>
              <a:t>Nouveaux usages (cloud, mobile) </a:t>
            </a:r>
          </a:p>
          <a:p>
            <a:pPr algn="l">
              <a:lnSpc>
                <a:spcPct val="150000"/>
              </a:lnSpc>
            </a:pPr>
            <a:r>
              <a:rPr lang="en-FR" sz="800" dirty="0"/>
              <a:t>Contuinité de business (PRA) </a:t>
            </a:r>
          </a:p>
          <a:p>
            <a:pPr algn="l">
              <a:lnSpc>
                <a:spcPct val="150000"/>
              </a:lnSpc>
            </a:pPr>
            <a:r>
              <a:rPr lang="en-FR" sz="800" dirty="0"/>
              <a:t>Augmentation des cyberattaques</a:t>
            </a:r>
          </a:p>
          <a:p>
            <a:pPr algn="l">
              <a:lnSpc>
                <a:spcPct val="150000"/>
              </a:lnSpc>
            </a:pPr>
            <a:r>
              <a:rPr lang="fr-FR" sz="800" dirty="0"/>
              <a:t>Besoins plus exigeants de la relation client </a:t>
            </a:r>
            <a:br>
              <a:rPr lang="fr-FR" sz="800" dirty="0"/>
            </a:br>
            <a:r>
              <a:rPr lang="fr-FR" sz="800" dirty="0"/>
              <a:t>(joignabilité, disponibilité instantanéité)</a:t>
            </a:r>
          </a:p>
          <a:p>
            <a:pPr algn="l">
              <a:lnSpc>
                <a:spcPct val="150000"/>
              </a:lnSpc>
            </a:pPr>
            <a:r>
              <a:rPr lang="fr-FR" sz="800" dirty="0"/>
              <a:t>Préoccupations RSE (écologie, bien-être employés)</a:t>
            </a:r>
          </a:p>
          <a:p>
            <a:pPr algn="l">
              <a:lnSpc>
                <a:spcPct val="150000"/>
              </a:lnSpc>
            </a:pPr>
            <a:r>
              <a:rPr lang="fr-FR" sz="800" dirty="0"/>
              <a:t>Optimisation des coûts  </a:t>
            </a:r>
            <a:endParaRPr lang="en-FR" sz="800" dirty="0"/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08F3EB29-3EFD-6C8A-512D-B03ECC8D8DF4}"/>
              </a:ext>
            </a:extLst>
          </p:cNvPr>
          <p:cNvSpPr txBox="1"/>
          <p:nvPr/>
        </p:nvSpPr>
        <p:spPr>
          <a:xfrm>
            <a:off x="6692863" y="2076883"/>
            <a:ext cx="5347186" cy="2001638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171450" indent="-171450" algn="l">
              <a:lnSpc>
                <a:spcPct val="150000"/>
              </a:lnSpc>
              <a:buFont typeface="Wingdings" pitchFamily="2" charset="2"/>
              <a:buChar char="q"/>
            </a:pPr>
            <a:r>
              <a:rPr lang="en-FR" sz="1100" dirty="0"/>
              <a:t> Plateforme de communications unifiées </a:t>
            </a:r>
          </a:p>
          <a:p>
            <a:pPr marL="171450" indent="-171450" algn="l">
              <a:lnSpc>
                <a:spcPct val="150000"/>
              </a:lnSpc>
              <a:buFont typeface="Wingdings" pitchFamily="2" charset="2"/>
              <a:buChar char="q"/>
            </a:pPr>
            <a:r>
              <a:rPr lang="en-FR" sz="1100" dirty="0"/>
              <a:t> Cloud sécurisé, conforme aux normes RGPD</a:t>
            </a:r>
          </a:p>
          <a:p>
            <a:pPr marL="171450" indent="-171450">
              <a:lnSpc>
                <a:spcPct val="150000"/>
              </a:lnSpc>
              <a:buFont typeface="Wingdings" pitchFamily="2" charset="2"/>
              <a:buChar char="q"/>
            </a:pPr>
            <a:r>
              <a:rPr lang="en-FR" sz="1100" dirty="0"/>
              <a:t> Garantie de service </a:t>
            </a:r>
          </a:p>
          <a:p>
            <a:pPr marL="171450" indent="-171450" algn="l">
              <a:lnSpc>
                <a:spcPct val="150000"/>
              </a:lnSpc>
              <a:buFont typeface="Wingdings" pitchFamily="2" charset="2"/>
              <a:buChar char="q"/>
            </a:pPr>
            <a:r>
              <a:rPr lang="en-FR" sz="1100" dirty="0"/>
              <a:t> Multi-devices: poste IP, ordinateur, tablette, mobile </a:t>
            </a:r>
          </a:p>
          <a:p>
            <a:pPr marL="171450" indent="-171450" algn="l">
              <a:lnSpc>
                <a:spcPct val="150000"/>
              </a:lnSpc>
              <a:buFont typeface="Wingdings" pitchFamily="2" charset="2"/>
              <a:buChar char="q"/>
            </a:pPr>
            <a:r>
              <a:rPr lang="en-FR" sz="1100" dirty="0"/>
              <a:t> Convergence exclusive fixe-mobile-teams-CRM </a:t>
            </a:r>
          </a:p>
          <a:p>
            <a:pPr marL="171450" indent="-171450" algn="l">
              <a:lnSpc>
                <a:spcPct val="150000"/>
              </a:lnSpc>
              <a:buFont typeface="Wingdings" pitchFamily="2" charset="2"/>
              <a:buChar char="q"/>
            </a:pPr>
            <a:r>
              <a:rPr lang="en-FR" sz="1100" dirty="0"/>
              <a:t> Fonctionnalités PBX et fonctionnalités avancées </a:t>
            </a:r>
          </a:p>
          <a:p>
            <a:pPr marL="171450" indent="-171450" algn="l">
              <a:lnSpc>
                <a:spcPct val="150000"/>
              </a:lnSpc>
              <a:buFont typeface="Wingdings" pitchFamily="2" charset="2"/>
              <a:buChar char="q"/>
            </a:pPr>
            <a:r>
              <a:rPr lang="en-FR" sz="1100" dirty="0"/>
              <a:t> Mobile first supprime les équipements inutiles &amp; libère le rythme des employés</a:t>
            </a:r>
          </a:p>
          <a:p>
            <a:pPr marL="171450" indent="-171450" algn="l">
              <a:lnSpc>
                <a:spcPct val="150000"/>
              </a:lnSpc>
              <a:buFont typeface="Wingdings" pitchFamily="2" charset="2"/>
              <a:buChar char="q"/>
            </a:pPr>
            <a:r>
              <a:rPr lang="en-FR" sz="1100" dirty="0"/>
              <a:t> Personnalisation et coût à l’utilisateur </a:t>
            </a:r>
          </a:p>
        </p:txBody>
      </p:sp>
      <p:cxnSp>
        <p:nvCxnSpPr>
          <p:cNvPr id="41" name="Curved Connector 40">
            <a:extLst>
              <a:ext uri="{FF2B5EF4-FFF2-40B4-BE49-F238E27FC236}">
                <a16:creationId xmlns:a16="http://schemas.microsoft.com/office/drawing/2014/main" id="{9AE96A3E-2939-2AA8-5385-419719AA3B62}"/>
              </a:ext>
            </a:extLst>
          </p:cNvPr>
          <p:cNvCxnSpPr>
            <a:cxnSpLocks/>
          </p:cNvCxnSpPr>
          <p:nvPr/>
        </p:nvCxnSpPr>
        <p:spPr>
          <a:xfrm flipV="1">
            <a:off x="6258716" y="4170681"/>
            <a:ext cx="466991" cy="524475"/>
          </a:xfrm>
          <a:prstGeom prst="curvedConnector2">
            <a:avLst/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43" name="Curved Connector 42">
            <a:extLst>
              <a:ext uri="{FF2B5EF4-FFF2-40B4-BE49-F238E27FC236}">
                <a16:creationId xmlns:a16="http://schemas.microsoft.com/office/drawing/2014/main" id="{FE821073-7120-4408-176D-E7836CD5231F}"/>
              </a:ext>
            </a:extLst>
          </p:cNvPr>
          <p:cNvCxnSpPr>
            <a:cxnSpLocks/>
          </p:cNvCxnSpPr>
          <p:nvPr/>
        </p:nvCxnSpPr>
        <p:spPr>
          <a:xfrm rot="16200000" flipH="1">
            <a:off x="1871925" y="4203031"/>
            <a:ext cx="468752" cy="495198"/>
          </a:xfrm>
          <a:prstGeom prst="curvedConnector2">
            <a:avLst/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6" name="TextBox 45">
            <a:extLst>
              <a:ext uri="{FF2B5EF4-FFF2-40B4-BE49-F238E27FC236}">
                <a16:creationId xmlns:a16="http://schemas.microsoft.com/office/drawing/2014/main" id="{B78184F4-96A3-17F7-584D-B2960E7626A2}"/>
              </a:ext>
            </a:extLst>
          </p:cNvPr>
          <p:cNvSpPr txBox="1"/>
          <p:nvPr/>
        </p:nvSpPr>
        <p:spPr>
          <a:xfrm>
            <a:off x="962867" y="5341969"/>
            <a:ext cx="1077473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AU" sz="1800" b="1" dirty="0">
                <a:solidFill>
                  <a:schemeClr val="accent1"/>
                </a:solidFill>
                <a:latin typeface="+mn-lt"/>
              </a:rPr>
              <a:t>M</a:t>
            </a:r>
            <a:r>
              <a:rPr lang="en-AU" sz="1800" b="1" dirty="0">
                <a:solidFill>
                  <a:schemeClr val="tx1"/>
                </a:solidFill>
                <a:latin typeface="+mn-lt"/>
              </a:rPr>
              <a:t>obile</a:t>
            </a:r>
            <a:endParaRPr lang="en-FR" dirty="0"/>
          </a:p>
        </p:txBody>
      </p:sp>
      <p:sp>
        <p:nvSpPr>
          <p:cNvPr id="48" name="TextBox 47">
            <a:extLst>
              <a:ext uri="{FF2B5EF4-FFF2-40B4-BE49-F238E27FC236}">
                <a16:creationId xmlns:a16="http://schemas.microsoft.com/office/drawing/2014/main" id="{77960B31-405A-41B3-DB6E-38B1BA03D77B}"/>
              </a:ext>
            </a:extLst>
          </p:cNvPr>
          <p:cNvSpPr txBox="1"/>
          <p:nvPr/>
        </p:nvSpPr>
        <p:spPr>
          <a:xfrm>
            <a:off x="3443146" y="3998660"/>
            <a:ext cx="2282168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AU" sz="1800" b="1" dirty="0">
                <a:solidFill>
                  <a:schemeClr val="accent1"/>
                </a:solidFill>
                <a:latin typeface="+mn-lt"/>
              </a:rPr>
              <a:t>B</a:t>
            </a:r>
            <a:r>
              <a:rPr lang="en-AU" sz="1800" b="1" dirty="0">
                <a:solidFill>
                  <a:schemeClr val="tx1"/>
                </a:solidFill>
                <a:latin typeface="+mn-lt"/>
              </a:rPr>
              <a:t>usiness</a:t>
            </a:r>
            <a:endParaRPr lang="en-FR" dirty="0"/>
          </a:p>
        </p:txBody>
      </p:sp>
      <p:sp>
        <p:nvSpPr>
          <p:cNvPr id="50" name="TextBox 49">
            <a:extLst>
              <a:ext uri="{FF2B5EF4-FFF2-40B4-BE49-F238E27FC236}">
                <a16:creationId xmlns:a16="http://schemas.microsoft.com/office/drawing/2014/main" id="{52FE27F2-0E26-CEA3-11CA-DA7700B16ED2}"/>
              </a:ext>
            </a:extLst>
          </p:cNvPr>
          <p:cNvSpPr txBox="1"/>
          <p:nvPr/>
        </p:nvSpPr>
        <p:spPr>
          <a:xfrm>
            <a:off x="6099035" y="4851224"/>
            <a:ext cx="2067530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AU" sz="1800" b="1" dirty="0">
                <a:solidFill>
                  <a:schemeClr val="accent1"/>
                </a:solidFill>
                <a:latin typeface="+mn-lt"/>
              </a:rPr>
              <a:t>C</a:t>
            </a:r>
            <a:r>
              <a:rPr lang="en-AU" sz="1800" b="1" dirty="0">
                <a:solidFill>
                  <a:schemeClr val="tx1"/>
                </a:solidFill>
                <a:latin typeface="+mn-lt"/>
              </a:rPr>
              <a:t>ommunications</a:t>
            </a:r>
            <a:endParaRPr lang="en-FR" dirty="0"/>
          </a:p>
        </p:txBody>
      </p:sp>
      <p:sp>
        <p:nvSpPr>
          <p:cNvPr id="52" name="TextBox 51">
            <a:extLst>
              <a:ext uri="{FF2B5EF4-FFF2-40B4-BE49-F238E27FC236}">
                <a16:creationId xmlns:a16="http://schemas.microsoft.com/office/drawing/2014/main" id="{65F9EEB9-B8E1-CAED-51C8-7234C070C540}"/>
              </a:ext>
            </a:extLst>
          </p:cNvPr>
          <p:cNvSpPr txBox="1"/>
          <p:nvPr/>
        </p:nvSpPr>
        <p:spPr>
          <a:xfrm>
            <a:off x="8029588" y="6395929"/>
            <a:ext cx="1669176" cy="36933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AU" sz="1800" b="1" dirty="0">
                <a:solidFill>
                  <a:schemeClr val="accent1"/>
                </a:solidFill>
              </a:rPr>
              <a:t>a</a:t>
            </a:r>
            <a:r>
              <a:rPr lang="en-AU" sz="1800" b="1" dirty="0"/>
              <a:t>s </a:t>
            </a:r>
            <a:r>
              <a:rPr lang="en-AU" sz="1800" b="1" dirty="0">
                <a:solidFill>
                  <a:schemeClr val="accent1"/>
                </a:solidFill>
              </a:rPr>
              <a:t>a</a:t>
            </a:r>
            <a:r>
              <a:rPr lang="en-AU" sz="1800" b="1" dirty="0"/>
              <a:t> </a:t>
            </a:r>
            <a:r>
              <a:rPr lang="en-AU" sz="1800" b="1" dirty="0">
                <a:solidFill>
                  <a:schemeClr val="accent1"/>
                </a:solidFill>
              </a:rPr>
              <a:t>S</a:t>
            </a:r>
            <a:r>
              <a:rPr lang="en-AU" sz="1800" b="1" dirty="0"/>
              <a:t>ervice </a:t>
            </a:r>
            <a:endParaRPr lang="en-FR" dirty="0"/>
          </a:p>
        </p:txBody>
      </p:sp>
      <p:pic>
        <p:nvPicPr>
          <p:cNvPr id="57" name="Graphic 56" descr="Tick with solid fill">
            <a:extLst>
              <a:ext uri="{FF2B5EF4-FFF2-40B4-BE49-F238E27FC236}">
                <a16:creationId xmlns:a16="http://schemas.microsoft.com/office/drawing/2014/main" id="{45204520-1E59-2F57-5339-1558A252C37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703239" y="2087260"/>
            <a:ext cx="186039" cy="186039"/>
          </a:xfrm>
          <a:prstGeom prst="rect">
            <a:avLst/>
          </a:prstGeom>
        </p:spPr>
      </p:pic>
      <p:pic>
        <p:nvPicPr>
          <p:cNvPr id="58" name="Graphic 57" descr="Tick with solid fill">
            <a:extLst>
              <a:ext uri="{FF2B5EF4-FFF2-40B4-BE49-F238E27FC236}">
                <a16:creationId xmlns:a16="http://schemas.microsoft.com/office/drawing/2014/main" id="{B18F1621-F2E0-A26C-8B17-4D8CAEBAE5C9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692863" y="2340107"/>
            <a:ext cx="186039" cy="186039"/>
          </a:xfrm>
          <a:prstGeom prst="rect">
            <a:avLst/>
          </a:prstGeom>
        </p:spPr>
      </p:pic>
      <p:pic>
        <p:nvPicPr>
          <p:cNvPr id="59" name="Graphic 58" descr="Tick with solid fill">
            <a:extLst>
              <a:ext uri="{FF2B5EF4-FFF2-40B4-BE49-F238E27FC236}">
                <a16:creationId xmlns:a16="http://schemas.microsoft.com/office/drawing/2014/main" id="{134C143F-8B38-C773-9783-2AFBAAC9DEB3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698606" y="2591357"/>
            <a:ext cx="186039" cy="186039"/>
          </a:xfrm>
          <a:prstGeom prst="rect">
            <a:avLst/>
          </a:prstGeom>
        </p:spPr>
      </p:pic>
      <p:pic>
        <p:nvPicPr>
          <p:cNvPr id="60" name="Graphic 59" descr="Tick with solid fill">
            <a:extLst>
              <a:ext uri="{FF2B5EF4-FFF2-40B4-BE49-F238E27FC236}">
                <a16:creationId xmlns:a16="http://schemas.microsoft.com/office/drawing/2014/main" id="{CE836AC1-25A2-B938-283B-E22709F9D874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692863" y="2842607"/>
            <a:ext cx="186039" cy="186039"/>
          </a:xfrm>
          <a:prstGeom prst="rect">
            <a:avLst/>
          </a:prstGeom>
        </p:spPr>
      </p:pic>
      <p:pic>
        <p:nvPicPr>
          <p:cNvPr id="61" name="Graphic 60" descr="Tick with solid fill">
            <a:extLst>
              <a:ext uri="{FF2B5EF4-FFF2-40B4-BE49-F238E27FC236}">
                <a16:creationId xmlns:a16="http://schemas.microsoft.com/office/drawing/2014/main" id="{2185C71F-165E-9F5D-A992-6DB5A3D3E8BE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692862" y="3094950"/>
            <a:ext cx="186039" cy="186039"/>
          </a:xfrm>
          <a:prstGeom prst="rect">
            <a:avLst/>
          </a:prstGeom>
        </p:spPr>
      </p:pic>
      <p:pic>
        <p:nvPicPr>
          <p:cNvPr id="62" name="Graphic 61" descr="Tick with solid fill">
            <a:extLst>
              <a:ext uri="{FF2B5EF4-FFF2-40B4-BE49-F238E27FC236}">
                <a16:creationId xmlns:a16="http://schemas.microsoft.com/office/drawing/2014/main" id="{C5825249-3824-B6DD-5A25-363E2434A70A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697886" y="3345124"/>
            <a:ext cx="186039" cy="186039"/>
          </a:xfrm>
          <a:prstGeom prst="rect">
            <a:avLst/>
          </a:prstGeom>
        </p:spPr>
      </p:pic>
      <p:pic>
        <p:nvPicPr>
          <p:cNvPr id="65" name="Graphic 64" descr="Tick with solid fill">
            <a:extLst>
              <a:ext uri="{FF2B5EF4-FFF2-40B4-BE49-F238E27FC236}">
                <a16:creationId xmlns:a16="http://schemas.microsoft.com/office/drawing/2014/main" id="{422FD20B-1954-B35F-C49C-62B68C9AC2C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692861" y="3601857"/>
            <a:ext cx="186039" cy="186039"/>
          </a:xfrm>
          <a:prstGeom prst="rect">
            <a:avLst/>
          </a:prstGeom>
        </p:spPr>
      </p:pic>
      <p:sp>
        <p:nvSpPr>
          <p:cNvPr id="67" name="TextBox 66">
            <a:extLst>
              <a:ext uri="{FF2B5EF4-FFF2-40B4-BE49-F238E27FC236}">
                <a16:creationId xmlns:a16="http://schemas.microsoft.com/office/drawing/2014/main" id="{227B0C9B-232D-B0E8-9E93-DB6E0A14576F}"/>
              </a:ext>
            </a:extLst>
          </p:cNvPr>
          <p:cNvSpPr txBox="1"/>
          <p:nvPr/>
        </p:nvSpPr>
        <p:spPr>
          <a:xfrm>
            <a:off x="439695" y="2521707"/>
            <a:ext cx="1785083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FR" sz="1100" b="1" dirty="0"/>
              <a:t>Vos principaux enjeux </a:t>
            </a:r>
          </a:p>
        </p:txBody>
      </p:sp>
      <p:pic>
        <p:nvPicPr>
          <p:cNvPr id="70" name="Graphic 69" descr="Tick with solid fill">
            <a:extLst>
              <a:ext uri="{FF2B5EF4-FFF2-40B4-BE49-F238E27FC236}">
                <a16:creationId xmlns:a16="http://schemas.microsoft.com/office/drawing/2014/main" id="{625B1B0F-CF88-FCC5-6D63-C8B791F75A72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>
            <a:off x="6703238" y="3849856"/>
            <a:ext cx="186039" cy="186039"/>
          </a:xfrm>
          <a:prstGeom prst="rect">
            <a:avLst/>
          </a:prstGeom>
        </p:spPr>
      </p:pic>
      <p:sp>
        <p:nvSpPr>
          <p:cNvPr id="71" name="TextBox 70">
            <a:extLst>
              <a:ext uri="{FF2B5EF4-FFF2-40B4-BE49-F238E27FC236}">
                <a16:creationId xmlns:a16="http://schemas.microsoft.com/office/drawing/2014/main" id="{3B91BD29-EBBC-0456-F628-7C052FABDCCB}"/>
              </a:ext>
            </a:extLst>
          </p:cNvPr>
          <p:cNvSpPr txBox="1"/>
          <p:nvPr/>
        </p:nvSpPr>
        <p:spPr>
          <a:xfrm>
            <a:off x="377966" y="1481321"/>
            <a:ext cx="11399916" cy="46166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Adoptez la solution MBCaaS Dstny.</a:t>
            </a:r>
          </a:p>
        </p:txBody>
      </p:sp>
      <p:sp>
        <p:nvSpPr>
          <p:cNvPr id="72" name="TextBox 71">
            <a:extLst>
              <a:ext uri="{FF2B5EF4-FFF2-40B4-BE49-F238E27FC236}">
                <a16:creationId xmlns:a16="http://schemas.microsoft.com/office/drawing/2014/main" id="{D06C0B17-CCD9-9014-5D38-CA384FC6E59D}"/>
              </a:ext>
            </a:extLst>
          </p:cNvPr>
          <p:cNvSpPr txBox="1"/>
          <p:nvPr/>
        </p:nvSpPr>
        <p:spPr>
          <a:xfrm>
            <a:off x="6692861" y="1878949"/>
            <a:ext cx="1785083" cy="169277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FR" sz="1100" b="1" dirty="0"/>
              <a:t>Notre solution</a:t>
            </a:r>
          </a:p>
        </p:txBody>
      </p:sp>
    </p:spTree>
    <p:extLst>
      <p:ext uri="{BB962C8B-B14F-4D97-AF65-F5344CB8AC3E}">
        <p14:creationId xmlns:p14="http://schemas.microsoft.com/office/powerpoint/2010/main" val="552065718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3" name="Rectangle 52">
            <a:extLst>
              <a:ext uri="{FF2B5EF4-FFF2-40B4-BE49-F238E27FC236}">
                <a16:creationId xmlns:a16="http://schemas.microsoft.com/office/drawing/2014/main" id="{5F2BDC49-CAB4-C651-5ADC-FD4B02930CA5}"/>
              </a:ext>
            </a:extLst>
          </p:cNvPr>
          <p:cNvSpPr/>
          <p:nvPr/>
        </p:nvSpPr>
        <p:spPr>
          <a:xfrm>
            <a:off x="0" y="4026270"/>
            <a:ext cx="12192000" cy="2831730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FR" noProof="0" dirty="0" err="1"/>
          </a:p>
        </p:txBody>
      </p: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47C5B86E-E21F-A974-DC97-2E27028211B9}"/>
              </a:ext>
            </a:extLst>
          </p:cNvPr>
          <p:cNvCxnSpPr>
            <a:cxnSpLocks/>
          </p:cNvCxnSpPr>
          <p:nvPr/>
        </p:nvCxnSpPr>
        <p:spPr>
          <a:xfrm>
            <a:off x="534780" y="4041692"/>
            <a:ext cx="11237976" cy="0"/>
          </a:xfrm>
          <a:prstGeom prst="line">
            <a:avLst/>
          </a:prstGeom>
          <a:ln w="19050">
            <a:solidFill>
              <a:schemeClr val="accent1"/>
            </a:solidFill>
            <a:prstDash val="dash"/>
          </a:ln>
        </p:spPr>
        <p:style>
          <a:lnRef idx="1">
            <a:schemeClr val="dk1"/>
          </a:lnRef>
          <a:fillRef idx="0">
            <a:schemeClr val="dk1"/>
          </a:fillRef>
          <a:effectRef idx="0">
            <a:schemeClr val="dk1"/>
          </a:effectRef>
          <a:fontRef idx="minor">
            <a:schemeClr val="tx1"/>
          </a:fontRef>
        </p:style>
      </p:cxnSp>
      <p:pic>
        <p:nvPicPr>
          <p:cNvPr id="13" name="Picture 4" descr="poste ip yealink t57w">
            <a:extLst>
              <a:ext uri="{FF2B5EF4-FFF2-40B4-BE49-F238E27FC236}">
                <a16:creationId xmlns:a16="http://schemas.microsoft.com/office/drawing/2014/main" id="{B47AABC6-6D45-B22E-D19E-712E890C28EF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/>
          <a:stretch>
            <a:fillRect/>
          </a:stretch>
        </p:blipFill>
        <p:spPr>
          <a:xfrm>
            <a:off x="133878" y="3094233"/>
            <a:ext cx="1437718" cy="1437718"/>
          </a:xfrm>
          <a:prstGeom prst="rect">
            <a:avLst/>
          </a:prstGeom>
          <a:noFill/>
          <a:ln cap="flat">
            <a:noFill/>
          </a:ln>
        </p:spPr>
      </p:pic>
      <p:sp>
        <p:nvSpPr>
          <p:cNvPr id="17" name="Titre 1">
            <a:extLst>
              <a:ext uri="{FF2B5EF4-FFF2-40B4-BE49-F238E27FC236}">
                <a16:creationId xmlns:a16="http://schemas.microsoft.com/office/drawing/2014/main" id="{361543B4-DE15-8712-BA2E-85F5A06B20A9}"/>
              </a:ext>
            </a:extLst>
          </p:cNvPr>
          <p:cNvSpPr txBox="1">
            <a:spLocks/>
          </p:cNvSpPr>
          <p:nvPr/>
        </p:nvSpPr>
        <p:spPr>
          <a:xfrm>
            <a:off x="446309" y="462071"/>
            <a:ext cx="11223991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VOS COMMUNICATIONS SANS FRONTIÈRES </a:t>
            </a:r>
            <a:endParaRPr lang="fr-FR" dirty="0"/>
          </a:p>
        </p:txBody>
      </p:sp>
      <p:pic>
        <p:nvPicPr>
          <p:cNvPr id="14" name="Picture 13" descr="A person sitting on a chair holding a computer&#10;&#10;Description automatically generated">
            <a:extLst>
              <a:ext uri="{FF2B5EF4-FFF2-40B4-BE49-F238E27FC236}">
                <a16:creationId xmlns:a16="http://schemas.microsoft.com/office/drawing/2014/main" id="{8063D638-E6BB-0550-ECA2-628FEA4E2D39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9470" r="28950"/>
          <a:stretch/>
        </p:blipFill>
        <p:spPr>
          <a:xfrm>
            <a:off x="4391875" y="2157953"/>
            <a:ext cx="2671423" cy="4818610"/>
          </a:xfrm>
          <a:prstGeom prst="rect">
            <a:avLst/>
          </a:prstGeom>
        </p:spPr>
      </p:pic>
      <p:pic>
        <p:nvPicPr>
          <p:cNvPr id="6" name="Picture 5" descr="A cellphone with a screen on&#10;&#10;Description automatically generated">
            <a:extLst>
              <a:ext uri="{FF2B5EF4-FFF2-40B4-BE49-F238E27FC236}">
                <a16:creationId xmlns:a16="http://schemas.microsoft.com/office/drawing/2014/main" id="{9E34132D-48E7-67CE-B58F-B03017ADDB08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885" t="10576" r="19195" b="6737"/>
          <a:stretch/>
        </p:blipFill>
        <p:spPr>
          <a:xfrm>
            <a:off x="2195668" y="3373026"/>
            <a:ext cx="438785" cy="886671"/>
          </a:xfrm>
          <a:prstGeom prst="rect">
            <a:avLst/>
          </a:prstGeom>
        </p:spPr>
      </p:pic>
      <p:sp>
        <p:nvSpPr>
          <p:cNvPr id="42" name="TextBox 41">
            <a:extLst>
              <a:ext uri="{FF2B5EF4-FFF2-40B4-BE49-F238E27FC236}">
                <a16:creationId xmlns:a16="http://schemas.microsoft.com/office/drawing/2014/main" id="{C99053C7-7D0B-B91B-1606-FCA47F313EB8}"/>
              </a:ext>
            </a:extLst>
          </p:cNvPr>
          <p:cNvSpPr txBox="1"/>
          <p:nvPr/>
        </p:nvSpPr>
        <p:spPr>
          <a:xfrm>
            <a:off x="3463576" y="4437211"/>
            <a:ext cx="664167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FR" sz="1200" dirty="0">
                <a:latin typeface="+mj-lt"/>
              </a:rPr>
              <a:t>Tablette</a:t>
            </a:r>
          </a:p>
        </p:txBody>
      </p:sp>
      <p:pic>
        <p:nvPicPr>
          <p:cNvPr id="30" name="Picture 29" descr="A computer with a screen on&#10;&#10;Description automatically generated">
            <a:extLst>
              <a:ext uri="{FF2B5EF4-FFF2-40B4-BE49-F238E27FC236}">
                <a16:creationId xmlns:a16="http://schemas.microsoft.com/office/drawing/2014/main" id="{AAAAF558-3EB9-0439-6536-A0032E0E8A1B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7505" t="15373" r="6314" b="15765"/>
          <a:stretch/>
        </p:blipFill>
        <p:spPr>
          <a:xfrm>
            <a:off x="10152636" y="3162531"/>
            <a:ext cx="1830794" cy="1097166"/>
          </a:xfrm>
          <a:prstGeom prst="rect">
            <a:avLst/>
          </a:prstGeom>
        </p:spPr>
      </p:pic>
      <p:sp>
        <p:nvSpPr>
          <p:cNvPr id="18" name="TextBox 17">
            <a:extLst>
              <a:ext uri="{FF2B5EF4-FFF2-40B4-BE49-F238E27FC236}">
                <a16:creationId xmlns:a16="http://schemas.microsoft.com/office/drawing/2014/main" id="{D027FA47-D501-6180-6DCE-22B0D08224B9}"/>
              </a:ext>
            </a:extLst>
          </p:cNvPr>
          <p:cNvSpPr txBox="1"/>
          <p:nvPr/>
        </p:nvSpPr>
        <p:spPr>
          <a:xfrm>
            <a:off x="2147130" y="4437211"/>
            <a:ext cx="532867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FR" sz="1200" dirty="0">
                <a:latin typeface="+mj-lt"/>
              </a:rPr>
              <a:t>Mobile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A82C3BFE-C900-1FBA-4968-DB9DD57AF67B}"/>
              </a:ext>
            </a:extLst>
          </p:cNvPr>
          <p:cNvSpPr txBox="1"/>
          <p:nvPr/>
        </p:nvSpPr>
        <p:spPr>
          <a:xfrm>
            <a:off x="717104" y="4439618"/>
            <a:ext cx="726405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FR" sz="1200" dirty="0">
                <a:latin typeface="+mj-lt"/>
              </a:rPr>
              <a:t>Poste IP</a:t>
            </a:r>
          </a:p>
        </p:txBody>
      </p:sp>
      <p:sp>
        <p:nvSpPr>
          <p:cNvPr id="24" name="TextBox 23">
            <a:extLst>
              <a:ext uri="{FF2B5EF4-FFF2-40B4-BE49-F238E27FC236}">
                <a16:creationId xmlns:a16="http://schemas.microsoft.com/office/drawing/2014/main" id="{A376128A-B993-B586-EDEE-B4D41630770C}"/>
              </a:ext>
            </a:extLst>
          </p:cNvPr>
          <p:cNvSpPr txBox="1"/>
          <p:nvPr/>
        </p:nvSpPr>
        <p:spPr>
          <a:xfrm>
            <a:off x="7629314" y="6196919"/>
            <a:ext cx="4312840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FR" sz="1200" b="1" dirty="0">
                <a:solidFill>
                  <a:schemeClr val="bg1"/>
                </a:solidFill>
              </a:rPr>
              <a:t>Garantie évolutive </a:t>
            </a:r>
          </a:p>
          <a:p>
            <a:pPr algn="r"/>
            <a:r>
              <a:rPr lang="en-FR" sz="1200" b="1" dirty="0">
                <a:solidFill>
                  <a:schemeClr val="bg1"/>
                </a:solidFill>
              </a:rPr>
              <a:t>pour s’adapter aux nouveaux usages </a:t>
            </a:r>
          </a:p>
        </p:txBody>
      </p:sp>
      <p:sp>
        <p:nvSpPr>
          <p:cNvPr id="25" name="TextBox 24">
            <a:extLst>
              <a:ext uri="{FF2B5EF4-FFF2-40B4-BE49-F238E27FC236}">
                <a16:creationId xmlns:a16="http://schemas.microsoft.com/office/drawing/2014/main" id="{C070A481-232C-BEA7-8441-750CF2EB3C0E}"/>
              </a:ext>
            </a:extLst>
          </p:cNvPr>
          <p:cNvSpPr txBox="1"/>
          <p:nvPr/>
        </p:nvSpPr>
        <p:spPr>
          <a:xfrm>
            <a:off x="5819260" y="1962141"/>
            <a:ext cx="1676161" cy="52322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fr-FR" sz="1000" b="1" i="1" dirty="0"/>
              <a:t>Une des </a:t>
            </a:r>
            <a:r>
              <a:rPr lang="fr-FR" sz="1400" b="1" i="1" dirty="0"/>
              <a:t>3,2 millions </a:t>
            </a:r>
            <a:r>
              <a:rPr lang="fr-FR" sz="1000" b="1" i="1" dirty="0"/>
              <a:t>adeptes de la Solution MBCaaS Dstny </a:t>
            </a:r>
            <a:endParaRPr lang="en-FR" sz="1000" b="1" i="1" dirty="0"/>
          </a:p>
        </p:txBody>
      </p:sp>
      <p:cxnSp>
        <p:nvCxnSpPr>
          <p:cNvPr id="33" name="Curved Connector 32">
            <a:extLst>
              <a:ext uri="{FF2B5EF4-FFF2-40B4-BE49-F238E27FC236}">
                <a16:creationId xmlns:a16="http://schemas.microsoft.com/office/drawing/2014/main" id="{1C09AFDC-CE67-3FD1-374C-DD9B5818F6B7}"/>
              </a:ext>
            </a:extLst>
          </p:cNvPr>
          <p:cNvCxnSpPr>
            <a:cxnSpLocks/>
          </p:cNvCxnSpPr>
          <p:nvPr/>
        </p:nvCxnSpPr>
        <p:spPr>
          <a:xfrm rot="5400000">
            <a:off x="6386722" y="2576263"/>
            <a:ext cx="270992" cy="270245"/>
          </a:xfrm>
          <a:prstGeom prst="curvedConnector2">
            <a:avLst/>
          </a:prstGeom>
          <a:ln w="19050">
            <a:solidFill>
              <a:schemeClr val="tx1"/>
            </a:solidFill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extBox 3">
            <a:extLst>
              <a:ext uri="{FF2B5EF4-FFF2-40B4-BE49-F238E27FC236}">
                <a16:creationId xmlns:a16="http://schemas.microsoft.com/office/drawing/2014/main" id="{3CF5A43C-CC1D-8F48-A04D-196700DD4E2A}"/>
              </a:ext>
            </a:extLst>
          </p:cNvPr>
          <p:cNvSpPr txBox="1"/>
          <p:nvPr/>
        </p:nvSpPr>
        <p:spPr>
          <a:xfrm>
            <a:off x="396042" y="1009270"/>
            <a:ext cx="11399916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La liberté de communiquer où que vous soyez, </a:t>
            </a:r>
          </a:p>
          <a:p>
            <a:pPr algn="l"/>
            <a:r>
              <a:rPr lang="fr-FR" sz="1400" dirty="0"/>
              <a:t>Connectivité et disponibilité 100% garanties, a</a:t>
            </a:r>
            <a:r>
              <a:rPr lang="fr-FR" sz="1400" dirty="0">
                <a:solidFill>
                  <a:schemeClr val="tx1"/>
                </a:solidFill>
                <a:latin typeface="+mn-lt"/>
              </a:rPr>
              <a:t>vec la solution Dstn</a:t>
            </a:r>
            <a:r>
              <a:rPr lang="fr-FR" sz="1400" dirty="0"/>
              <a:t>y MBCaaS.</a:t>
            </a:r>
            <a:endParaRPr lang="fr-FR" sz="1400" dirty="0">
              <a:solidFill>
                <a:schemeClr val="tx1"/>
              </a:solidFill>
              <a:latin typeface="+mn-lt"/>
            </a:endParaRPr>
          </a:p>
        </p:txBody>
      </p:sp>
      <p:pic>
        <p:nvPicPr>
          <p:cNvPr id="40" name="Picture 39" descr="A person looking at a phone&#10;&#10;Description automatically generated">
            <a:extLst>
              <a:ext uri="{FF2B5EF4-FFF2-40B4-BE49-F238E27FC236}">
                <a16:creationId xmlns:a16="http://schemas.microsoft.com/office/drawing/2014/main" id="{5F7BD36D-BED5-226C-8807-DBC287358B2D}"/>
              </a:ext>
            </a:extLst>
          </p:cNvPr>
          <p:cNvPicPr>
            <a:picLocks noChangeAspect="1"/>
          </p:cNvPicPr>
          <p:nvPr/>
        </p:nvPicPr>
        <p:blipFill rotWithShape="1"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8445" t="12201" r="9568" b="8323"/>
          <a:stretch/>
        </p:blipFill>
        <p:spPr>
          <a:xfrm>
            <a:off x="3185872" y="3373026"/>
            <a:ext cx="1219575" cy="886671"/>
          </a:xfrm>
          <a:prstGeom prst="rect">
            <a:avLst/>
          </a:prstGeom>
        </p:spPr>
      </p:pic>
      <p:pic>
        <p:nvPicPr>
          <p:cNvPr id="44" name="Picture 43" descr="A computer monitor with a keyboard and mouse&#10;&#10;Description automatically generated">
            <a:extLst>
              <a:ext uri="{FF2B5EF4-FFF2-40B4-BE49-F238E27FC236}">
                <a16:creationId xmlns:a16="http://schemas.microsoft.com/office/drawing/2014/main" id="{A1844D24-85C7-4BDC-2F90-7FFE5B82A872}"/>
              </a:ext>
            </a:extLst>
          </p:cNvPr>
          <p:cNvPicPr>
            <a:picLocks noChangeAspect="1"/>
          </p:cNvPicPr>
          <p:nvPr/>
        </p:nvPicPr>
        <p:blipFill rotWithShape="1"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863" t="12549" r="22494" b="15898"/>
          <a:stretch/>
        </p:blipFill>
        <p:spPr>
          <a:xfrm>
            <a:off x="7214297" y="2219578"/>
            <a:ext cx="2497524" cy="2210146"/>
          </a:xfrm>
          <a:prstGeom prst="rect">
            <a:avLst/>
          </a:prstGeom>
        </p:spPr>
      </p:pic>
      <p:sp>
        <p:nvSpPr>
          <p:cNvPr id="45" name="TextBox 44">
            <a:extLst>
              <a:ext uri="{FF2B5EF4-FFF2-40B4-BE49-F238E27FC236}">
                <a16:creationId xmlns:a16="http://schemas.microsoft.com/office/drawing/2014/main" id="{394D3046-5290-9471-A4AD-B98AD2159012}"/>
              </a:ext>
            </a:extLst>
          </p:cNvPr>
          <p:cNvSpPr txBox="1"/>
          <p:nvPr/>
        </p:nvSpPr>
        <p:spPr>
          <a:xfrm>
            <a:off x="8159009" y="4442561"/>
            <a:ext cx="850164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FR" sz="1200" dirty="0">
                <a:latin typeface="+mj-lt"/>
              </a:rPr>
              <a:t>Ordinateur</a:t>
            </a:r>
          </a:p>
        </p:txBody>
      </p:sp>
      <p:sp>
        <p:nvSpPr>
          <p:cNvPr id="46" name="TextBox 45">
            <a:extLst>
              <a:ext uri="{FF2B5EF4-FFF2-40B4-BE49-F238E27FC236}">
                <a16:creationId xmlns:a16="http://schemas.microsoft.com/office/drawing/2014/main" id="{1D4AF463-8CE7-2E37-84A7-A16028817369}"/>
              </a:ext>
            </a:extLst>
          </p:cNvPr>
          <p:cNvSpPr txBox="1"/>
          <p:nvPr/>
        </p:nvSpPr>
        <p:spPr>
          <a:xfrm>
            <a:off x="10735949" y="4437211"/>
            <a:ext cx="664167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ctr"/>
            <a:r>
              <a:rPr lang="en-FR" sz="1200" dirty="0">
                <a:latin typeface="+mj-lt"/>
              </a:rPr>
              <a:t>Laptop</a:t>
            </a:r>
          </a:p>
        </p:txBody>
      </p:sp>
      <p:sp>
        <p:nvSpPr>
          <p:cNvPr id="54" name="TextBox 53">
            <a:extLst>
              <a:ext uri="{FF2B5EF4-FFF2-40B4-BE49-F238E27FC236}">
                <a16:creationId xmlns:a16="http://schemas.microsoft.com/office/drawing/2014/main" id="{D404C620-545A-7257-C367-25FF94B6BE70}"/>
              </a:ext>
            </a:extLst>
          </p:cNvPr>
          <p:cNvSpPr txBox="1"/>
          <p:nvPr/>
        </p:nvSpPr>
        <p:spPr>
          <a:xfrm>
            <a:off x="249846" y="4976867"/>
            <a:ext cx="3794567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1200" b="1" dirty="0">
                <a:solidFill>
                  <a:schemeClr val="bg1"/>
                </a:solidFill>
              </a:rPr>
              <a:t>Multi-devices et à la plateforme unique:</a:t>
            </a:r>
          </a:p>
          <a:p>
            <a:r>
              <a:rPr lang="en-FR" sz="1200" b="1" dirty="0">
                <a:solidFill>
                  <a:schemeClr val="bg1"/>
                </a:solidFill>
              </a:rPr>
              <a:t>Connect Me</a:t>
            </a:r>
          </a:p>
        </p:txBody>
      </p:sp>
      <p:sp>
        <p:nvSpPr>
          <p:cNvPr id="55" name="TextBox 54">
            <a:extLst>
              <a:ext uri="{FF2B5EF4-FFF2-40B4-BE49-F238E27FC236}">
                <a16:creationId xmlns:a16="http://schemas.microsoft.com/office/drawing/2014/main" id="{88E61847-DC3E-D32B-7841-DC1AD878E401}"/>
              </a:ext>
            </a:extLst>
          </p:cNvPr>
          <p:cNvSpPr txBox="1"/>
          <p:nvPr/>
        </p:nvSpPr>
        <p:spPr>
          <a:xfrm>
            <a:off x="261559" y="5657314"/>
            <a:ext cx="2671422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FR" sz="1200" b="1" dirty="0">
                <a:solidFill>
                  <a:schemeClr val="bg1"/>
                </a:solidFill>
              </a:rPr>
              <a:t>Centrée sur l’expérience utilisateur </a:t>
            </a:r>
          </a:p>
        </p:txBody>
      </p:sp>
      <p:sp>
        <p:nvSpPr>
          <p:cNvPr id="57" name="TextBox 56">
            <a:extLst>
              <a:ext uri="{FF2B5EF4-FFF2-40B4-BE49-F238E27FC236}">
                <a16:creationId xmlns:a16="http://schemas.microsoft.com/office/drawing/2014/main" id="{0C882BC4-E534-11D8-D50D-F19A6AD96061}"/>
              </a:ext>
            </a:extLst>
          </p:cNvPr>
          <p:cNvSpPr txBox="1"/>
          <p:nvPr/>
        </p:nvSpPr>
        <p:spPr>
          <a:xfrm>
            <a:off x="8152234" y="4978594"/>
            <a:ext cx="3794567" cy="36933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FR" sz="1200" b="1" dirty="0">
                <a:solidFill>
                  <a:schemeClr val="bg1"/>
                </a:solidFill>
              </a:rPr>
              <a:t>Construite sur une double expertise Dstny </a:t>
            </a:r>
          </a:p>
          <a:p>
            <a:pPr algn="r"/>
            <a:r>
              <a:rPr lang="en-FR" sz="1200" b="1" dirty="0">
                <a:solidFill>
                  <a:schemeClr val="bg1"/>
                </a:solidFill>
              </a:rPr>
              <a:t>opérateur &amp; éditeur</a:t>
            </a:r>
          </a:p>
        </p:txBody>
      </p:sp>
      <p:sp>
        <p:nvSpPr>
          <p:cNvPr id="58" name="TextBox 57">
            <a:extLst>
              <a:ext uri="{FF2B5EF4-FFF2-40B4-BE49-F238E27FC236}">
                <a16:creationId xmlns:a16="http://schemas.microsoft.com/office/drawing/2014/main" id="{5A85F266-297D-BB2E-06D5-0A8AF235149B}"/>
              </a:ext>
            </a:extLst>
          </p:cNvPr>
          <p:cNvSpPr txBox="1"/>
          <p:nvPr/>
        </p:nvSpPr>
        <p:spPr>
          <a:xfrm>
            <a:off x="8060854" y="5676227"/>
            <a:ext cx="3881300" cy="184102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r"/>
            <a:r>
              <a:rPr lang="en-FR" sz="1200" b="1" dirty="0">
                <a:solidFill>
                  <a:schemeClr val="bg1"/>
                </a:solidFill>
              </a:rPr>
              <a:t>Technologies propriètaires</a:t>
            </a:r>
          </a:p>
        </p:txBody>
      </p:sp>
      <p:sp>
        <p:nvSpPr>
          <p:cNvPr id="59" name="Rectangle 58">
            <a:extLst>
              <a:ext uri="{FF2B5EF4-FFF2-40B4-BE49-F238E27FC236}">
                <a16:creationId xmlns:a16="http://schemas.microsoft.com/office/drawing/2014/main" id="{86C2C3DC-8759-7B8D-7568-09F72E8B60B7}"/>
              </a:ext>
            </a:extLst>
          </p:cNvPr>
          <p:cNvSpPr/>
          <p:nvPr/>
        </p:nvSpPr>
        <p:spPr>
          <a:xfrm>
            <a:off x="4170962" y="6016311"/>
            <a:ext cx="438162" cy="184667"/>
          </a:xfrm>
          <a:prstGeom prst="rect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FR" noProof="0" dirty="0" err="1"/>
          </a:p>
        </p:txBody>
      </p:sp>
      <p:sp>
        <p:nvSpPr>
          <p:cNvPr id="60" name="Oval 59">
            <a:extLst>
              <a:ext uri="{FF2B5EF4-FFF2-40B4-BE49-F238E27FC236}">
                <a16:creationId xmlns:a16="http://schemas.microsoft.com/office/drawing/2014/main" id="{07646A7D-A72E-CFA3-F288-15D8C5FD3CFA}"/>
              </a:ext>
            </a:extLst>
          </p:cNvPr>
          <p:cNvSpPr/>
          <p:nvPr/>
        </p:nvSpPr>
        <p:spPr>
          <a:xfrm>
            <a:off x="4103234" y="5947478"/>
            <a:ext cx="548903" cy="322332"/>
          </a:xfrm>
          <a:prstGeom prst="ellipse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FR" noProof="0" dirty="0" err="1"/>
          </a:p>
        </p:txBody>
      </p:sp>
      <p:sp>
        <p:nvSpPr>
          <p:cNvPr id="68" name="Oval 67">
            <a:extLst>
              <a:ext uri="{FF2B5EF4-FFF2-40B4-BE49-F238E27FC236}">
                <a16:creationId xmlns:a16="http://schemas.microsoft.com/office/drawing/2014/main" id="{FC71519B-3CBE-FE72-2075-2016CC5F1AA3}"/>
              </a:ext>
            </a:extLst>
          </p:cNvPr>
          <p:cNvSpPr/>
          <p:nvPr/>
        </p:nvSpPr>
        <p:spPr>
          <a:xfrm>
            <a:off x="6805438" y="6162880"/>
            <a:ext cx="292997" cy="322332"/>
          </a:xfrm>
          <a:prstGeom prst="ellipse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FR" noProof="0" dirty="0" err="1"/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DD7BDB35-E498-7143-5223-E823B12CE625}"/>
              </a:ext>
            </a:extLst>
          </p:cNvPr>
          <p:cNvSpPr txBox="1"/>
          <p:nvPr/>
        </p:nvSpPr>
        <p:spPr>
          <a:xfrm>
            <a:off x="261558" y="6266321"/>
            <a:ext cx="3588513" cy="18466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/>
            <a:r>
              <a:rPr lang="en-FR" sz="1200" b="1" dirty="0">
                <a:solidFill>
                  <a:schemeClr val="bg1"/>
                </a:solidFill>
              </a:rPr>
              <a:t>C</a:t>
            </a:r>
            <a:r>
              <a:rPr lang="en-GB" sz="1200" b="1" dirty="0">
                <a:solidFill>
                  <a:schemeClr val="bg1"/>
                </a:solidFill>
              </a:rPr>
              <a:t>r</a:t>
            </a:r>
            <a:r>
              <a:rPr lang="en-FR" sz="1200" b="1" dirty="0">
                <a:solidFill>
                  <a:schemeClr val="bg1"/>
                </a:solidFill>
              </a:rPr>
              <a:t>éé et capture la valeur pour votre business</a:t>
            </a: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A85CCBEA-7126-CC9E-8E04-1427FFDDC300}"/>
              </a:ext>
            </a:extLst>
          </p:cNvPr>
          <p:cNvSpPr/>
          <p:nvPr/>
        </p:nvSpPr>
        <p:spPr>
          <a:xfrm>
            <a:off x="6699698" y="6577059"/>
            <a:ext cx="252238" cy="283663"/>
          </a:xfrm>
          <a:prstGeom prst="ellipse">
            <a:avLst/>
          </a:prstGeom>
          <a:ln>
            <a:solidFill>
              <a:schemeClr val="accent1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endParaRPr lang="en-FR" noProof="0" dirty="0" err="1"/>
          </a:p>
        </p:txBody>
      </p:sp>
    </p:spTree>
    <p:extLst>
      <p:ext uri="{BB962C8B-B14F-4D97-AF65-F5344CB8AC3E}">
        <p14:creationId xmlns:p14="http://schemas.microsoft.com/office/powerpoint/2010/main" val="328159849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5" name="Picture 34" descr="A white outline of a cloud&#10;&#10;Description automatically generated">
            <a:extLst>
              <a:ext uri="{FF2B5EF4-FFF2-40B4-BE49-F238E27FC236}">
                <a16:creationId xmlns:a16="http://schemas.microsoft.com/office/drawing/2014/main" id="{F0EDEED4-1FDE-5C9B-8472-57FD4C764D4F}"/>
              </a:ext>
            </a:extLst>
          </p:cNvPr>
          <p:cNvPicPr>
            <a:picLocks noChangeAspect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6802" t="22233" r="16401" b="24389"/>
          <a:stretch/>
        </p:blipFill>
        <p:spPr>
          <a:xfrm>
            <a:off x="4203814" y="2038547"/>
            <a:ext cx="2729711" cy="1635976"/>
          </a:xfrm>
          <a:prstGeom prst="rect">
            <a:avLst/>
          </a:prstGeom>
        </p:spPr>
      </p:pic>
      <p:sp>
        <p:nvSpPr>
          <p:cNvPr id="17" name="Titre 1">
            <a:extLst>
              <a:ext uri="{FF2B5EF4-FFF2-40B4-BE49-F238E27FC236}">
                <a16:creationId xmlns:a16="http://schemas.microsoft.com/office/drawing/2014/main" id="{361543B4-DE15-8712-BA2E-85F5A06B20A9}"/>
              </a:ext>
            </a:extLst>
          </p:cNvPr>
          <p:cNvSpPr txBox="1">
            <a:spLocks/>
          </p:cNvSpPr>
          <p:nvPr/>
        </p:nvSpPr>
        <p:spPr>
          <a:xfrm>
            <a:off x="446309" y="462071"/>
            <a:ext cx="10419613" cy="90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3200" b="1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</a:lstStyle>
          <a:p>
            <a:r>
              <a:rPr lang="fr-FR" dirty="0">
                <a:sym typeface="Wingdings" pitchFamily="2" charset="2"/>
              </a:rPr>
              <a:t>LA PERFORMANCE AU BOUT DU FIL </a:t>
            </a:r>
            <a:endParaRPr lang="fr-FR" dirty="0"/>
          </a:p>
        </p:txBody>
      </p:sp>
      <p:pic>
        <p:nvPicPr>
          <p:cNvPr id="28" name="Picture 27" descr="A person holding a computer&#10;&#10;Description automatically generated">
            <a:extLst>
              <a:ext uri="{FF2B5EF4-FFF2-40B4-BE49-F238E27FC236}">
                <a16:creationId xmlns:a16="http://schemas.microsoft.com/office/drawing/2014/main" id="{AAE80F38-B1A9-5B9B-91A1-6A54F9153ECA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115" t="23366" r="35381" b="22971"/>
          <a:stretch/>
        </p:blipFill>
        <p:spPr>
          <a:xfrm>
            <a:off x="421962" y="1686378"/>
            <a:ext cx="3272490" cy="5164241"/>
          </a:xfrm>
          <a:prstGeom prst="rect">
            <a:avLst/>
          </a:prstGeom>
        </p:spPr>
      </p:pic>
      <p:sp>
        <p:nvSpPr>
          <p:cNvPr id="55" name="TextBox 54">
            <a:extLst>
              <a:ext uri="{FF2B5EF4-FFF2-40B4-BE49-F238E27FC236}">
                <a16:creationId xmlns:a16="http://schemas.microsoft.com/office/drawing/2014/main" id="{1080BC8A-8226-EA69-A6E2-D70331E47273}"/>
              </a:ext>
            </a:extLst>
          </p:cNvPr>
          <p:cNvSpPr txBox="1"/>
          <p:nvPr/>
        </p:nvSpPr>
        <p:spPr>
          <a:xfrm>
            <a:off x="396042" y="1009270"/>
            <a:ext cx="11399916" cy="677108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algn="l"/>
            <a:r>
              <a:rPr lang="fr-FR" sz="2400" b="1" dirty="0"/>
              <a:t>Entrez dans la nouvelle ère des communications,</a:t>
            </a:r>
          </a:p>
          <a:p>
            <a:pPr algn="l"/>
            <a:r>
              <a:rPr lang="fr-FR" sz="1400" dirty="0"/>
              <a:t>Des fonctionnalités pensées pour l’utilisateur et ses performances.</a:t>
            </a:r>
            <a:endParaRPr lang="fr-FR" sz="1400" dirty="0">
              <a:solidFill>
                <a:schemeClr val="tx1"/>
              </a:solidFill>
              <a:latin typeface="+mn-lt"/>
            </a:endParaRPr>
          </a:p>
        </p:txBody>
      </p:sp>
      <p:sp>
        <p:nvSpPr>
          <p:cNvPr id="5" name="Rounded Rectangle 4">
            <a:extLst>
              <a:ext uri="{FF2B5EF4-FFF2-40B4-BE49-F238E27FC236}">
                <a16:creationId xmlns:a16="http://schemas.microsoft.com/office/drawing/2014/main" id="{971C032F-8399-06D7-5DAD-4CAD15E23BC1}"/>
              </a:ext>
            </a:extLst>
          </p:cNvPr>
          <p:cNvSpPr/>
          <p:nvPr/>
        </p:nvSpPr>
        <p:spPr>
          <a:xfrm>
            <a:off x="4136469" y="4990930"/>
            <a:ext cx="2077967" cy="829711"/>
          </a:xfrm>
          <a:prstGeom prst="roundRect">
            <a:avLst/>
          </a:prstGeom>
          <a:solidFill>
            <a:schemeClr val="bg1"/>
          </a:solidFill>
          <a:ln w="12700">
            <a:solidFill>
              <a:schemeClr val="accent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dirty="0">
                <a:solidFill>
                  <a:schemeClr val="tx1"/>
                </a:solidFill>
              </a:rPr>
              <a:t>Une expérience </a:t>
            </a:r>
            <a:r>
              <a:rPr lang="fr-FR" sz="1200" b="1" dirty="0">
                <a:solidFill>
                  <a:schemeClr val="tx1"/>
                </a:solidFill>
              </a:rPr>
              <a:t>mobile first</a:t>
            </a:r>
            <a:r>
              <a:rPr lang="fr-FR" sz="1200" dirty="0">
                <a:solidFill>
                  <a:schemeClr val="tx1"/>
                </a:solidFill>
              </a:rPr>
              <a:t>, disponible nulle part ailleurs </a:t>
            </a:r>
          </a:p>
        </p:txBody>
      </p:sp>
      <p:sp>
        <p:nvSpPr>
          <p:cNvPr id="8" name="Rounded Rectangle 7">
            <a:extLst>
              <a:ext uri="{FF2B5EF4-FFF2-40B4-BE49-F238E27FC236}">
                <a16:creationId xmlns:a16="http://schemas.microsoft.com/office/drawing/2014/main" id="{958C8C0F-A5FD-5BD7-EA47-E2793F1695EC}"/>
              </a:ext>
            </a:extLst>
          </p:cNvPr>
          <p:cNvSpPr/>
          <p:nvPr/>
        </p:nvSpPr>
        <p:spPr>
          <a:xfrm>
            <a:off x="6432342" y="4990930"/>
            <a:ext cx="2077967" cy="829711"/>
          </a:xfrm>
          <a:prstGeom prst="roundRect">
            <a:avLst/>
          </a:prstGeom>
          <a:solidFill>
            <a:schemeClr val="bg1"/>
          </a:solidFill>
          <a:ln w="12700">
            <a:solidFill>
              <a:schemeClr val="accent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dirty="0">
                <a:solidFill>
                  <a:schemeClr val="tx1"/>
                </a:solidFill>
              </a:rPr>
              <a:t>Une </a:t>
            </a:r>
            <a:r>
              <a:rPr lang="fr-FR" sz="1200" b="1" dirty="0">
                <a:solidFill>
                  <a:schemeClr val="tx1"/>
                </a:solidFill>
              </a:rPr>
              <a:t>convergence fixe mobile </a:t>
            </a:r>
            <a:r>
              <a:rPr lang="fr-FR" sz="1200" dirty="0">
                <a:solidFill>
                  <a:schemeClr val="tx1"/>
                </a:solidFill>
              </a:rPr>
              <a:t>pas comme les autres </a:t>
            </a:r>
          </a:p>
        </p:txBody>
      </p:sp>
      <p:sp>
        <p:nvSpPr>
          <p:cNvPr id="9" name="Rounded Rectangle 8">
            <a:extLst>
              <a:ext uri="{FF2B5EF4-FFF2-40B4-BE49-F238E27FC236}">
                <a16:creationId xmlns:a16="http://schemas.microsoft.com/office/drawing/2014/main" id="{31DB4DBD-FE45-3007-65D3-AABDD67F91A2}"/>
              </a:ext>
            </a:extLst>
          </p:cNvPr>
          <p:cNvSpPr/>
          <p:nvPr/>
        </p:nvSpPr>
        <p:spPr>
          <a:xfrm>
            <a:off x="8728215" y="4990930"/>
            <a:ext cx="2077967" cy="829711"/>
          </a:xfrm>
          <a:prstGeom prst="roundRect">
            <a:avLst/>
          </a:prstGeom>
          <a:solidFill>
            <a:schemeClr val="bg1"/>
          </a:solidFill>
          <a:ln w="12700">
            <a:solidFill>
              <a:schemeClr val="accent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algn="ctr"/>
            <a:r>
              <a:rPr lang="fr-FR" sz="1200" dirty="0">
                <a:solidFill>
                  <a:schemeClr val="tx1"/>
                </a:solidFill>
              </a:rPr>
              <a:t>La meilleure </a:t>
            </a:r>
            <a:r>
              <a:rPr lang="fr-FR" sz="1200" b="1" dirty="0">
                <a:solidFill>
                  <a:schemeClr val="tx1"/>
                </a:solidFill>
              </a:rPr>
              <a:t>intégration Microsoft Teams </a:t>
            </a:r>
            <a:r>
              <a:rPr lang="fr-FR" sz="1200" dirty="0">
                <a:solidFill>
                  <a:schemeClr val="tx1"/>
                </a:solidFill>
              </a:rPr>
              <a:t>possible</a:t>
            </a:r>
          </a:p>
        </p:txBody>
      </p:sp>
      <p:sp>
        <p:nvSpPr>
          <p:cNvPr id="12" name="TextBox 11">
            <a:extLst>
              <a:ext uri="{FF2B5EF4-FFF2-40B4-BE49-F238E27FC236}">
                <a16:creationId xmlns:a16="http://schemas.microsoft.com/office/drawing/2014/main" id="{4D823578-29D2-2D17-170A-343C4093AC81}"/>
              </a:ext>
            </a:extLst>
          </p:cNvPr>
          <p:cNvSpPr txBox="1"/>
          <p:nvPr/>
        </p:nvSpPr>
        <p:spPr>
          <a:xfrm>
            <a:off x="4088078" y="4105170"/>
            <a:ext cx="7859492" cy="70083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50000"/>
              </a:lnSpc>
            </a:pPr>
            <a:r>
              <a:rPr lang="fr-FR" sz="1400" b="1" dirty="0"/>
              <a:t>Débloquez le potentiel de vos employés, et révolutionnez leur joignabilité!</a:t>
            </a:r>
          </a:p>
          <a:p>
            <a:pPr>
              <a:lnSpc>
                <a:spcPct val="150000"/>
              </a:lnSpc>
            </a:pPr>
            <a:r>
              <a:rPr lang="fr-FR" sz="1400" b="1" dirty="0"/>
              <a:t>Avec la Solution MBCaaS Dstny offrez:</a:t>
            </a:r>
          </a:p>
        </p:txBody>
      </p:sp>
      <p:pic>
        <p:nvPicPr>
          <p:cNvPr id="14" name="Picture 13" descr="A blue and orange logo&#10;&#10;Description automatically generated">
            <a:extLst>
              <a:ext uri="{FF2B5EF4-FFF2-40B4-BE49-F238E27FC236}">
                <a16:creationId xmlns:a16="http://schemas.microsoft.com/office/drawing/2014/main" id="{8B617147-4B1F-3039-13F3-1D3C21157A37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130510" y="2512634"/>
            <a:ext cx="849330" cy="308847"/>
          </a:xfrm>
          <a:prstGeom prst="rect">
            <a:avLst/>
          </a:prstGeom>
        </p:spPr>
      </p:pic>
      <p:cxnSp>
        <p:nvCxnSpPr>
          <p:cNvPr id="18" name="Straight Arrow Connector 17">
            <a:extLst>
              <a:ext uri="{FF2B5EF4-FFF2-40B4-BE49-F238E27FC236}">
                <a16:creationId xmlns:a16="http://schemas.microsoft.com/office/drawing/2014/main" id="{0A8AFEAC-DE8D-B5E0-BC83-CECCF329D25F}"/>
              </a:ext>
            </a:extLst>
          </p:cNvPr>
          <p:cNvCxnSpPr>
            <a:cxnSpLocks/>
          </p:cNvCxnSpPr>
          <p:nvPr/>
        </p:nvCxnSpPr>
        <p:spPr>
          <a:xfrm>
            <a:off x="2635323" y="3068938"/>
            <a:ext cx="1575605" cy="0"/>
          </a:xfrm>
          <a:prstGeom prst="straightConnector1">
            <a:avLst/>
          </a:prstGeom>
          <a:ln w="19050">
            <a:solidFill>
              <a:schemeClr val="accent1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19" name="Straight Arrow Connector 18">
            <a:extLst>
              <a:ext uri="{FF2B5EF4-FFF2-40B4-BE49-F238E27FC236}">
                <a16:creationId xmlns:a16="http://schemas.microsoft.com/office/drawing/2014/main" id="{2822DF1F-A75B-9DBB-45A2-260469FA5E31}"/>
              </a:ext>
            </a:extLst>
          </p:cNvPr>
          <p:cNvCxnSpPr>
            <a:cxnSpLocks/>
            <a:endCxn id="20" idx="1"/>
          </p:cNvCxnSpPr>
          <p:nvPr/>
        </p:nvCxnSpPr>
        <p:spPr>
          <a:xfrm>
            <a:off x="6873968" y="3068938"/>
            <a:ext cx="1377163" cy="13487"/>
          </a:xfrm>
          <a:prstGeom prst="straightConnector1">
            <a:avLst/>
          </a:prstGeom>
          <a:ln w="19050">
            <a:solidFill>
              <a:schemeClr val="accent1"/>
            </a:solidFill>
            <a:prstDash val="dash"/>
            <a:headEnd type="triangle"/>
            <a:tailEnd type="triangle"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20" name="Picture 19" descr="A phone number on a black background&#10;&#10;Description automatically generated">
            <a:extLst>
              <a:ext uri="{FF2B5EF4-FFF2-40B4-BE49-F238E27FC236}">
                <a16:creationId xmlns:a16="http://schemas.microsoft.com/office/drawing/2014/main" id="{65F575F3-7818-C9F0-7754-FE3EA397F5E8}"/>
              </a:ext>
            </a:extLst>
          </p:cNvPr>
          <p:cNvPicPr>
            <a:picLocks noChangeAspect="1"/>
          </p:cNvPicPr>
          <p:nvPr/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28542" t="38275" r="27726" b="39092"/>
          <a:stretch/>
        </p:blipFill>
        <p:spPr>
          <a:xfrm>
            <a:off x="8251131" y="2911408"/>
            <a:ext cx="881187" cy="342033"/>
          </a:xfrm>
          <a:prstGeom prst="rect">
            <a:avLst/>
          </a:prstGeom>
        </p:spPr>
      </p:pic>
      <p:sp>
        <p:nvSpPr>
          <p:cNvPr id="21" name="TextBox 20">
            <a:extLst>
              <a:ext uri="{FF2B5EF4-FFF2-40B4-BE49-F238E27FC236}">
                <a16:creationId xmlns:a16="http://schemas.microsoft.com/office/drawing/2014/main" id="{DA88E0AB-94C0-F3E6-A6BD-5CA221AB1205}"/>
              </a:ext>
            </a:extLst>
          </p:cNvPr>
          <p:cNvSpPr txBox="1"/>
          <p:nvPr/>
        </p:nvSpPr>
        <p:spPr>
          <a:xfrm>
            <a:off x="8568820" y="3018114"/>
            <a:ext cx="451621" cy="138499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r>
              <a:rPr lang="en-FR" sz="900" b="1" i="1" dirty="0"/>
              <a:t>appels</a:t>
            </a:r>
          </a:p>
        </p:txBody>
      </p:sp>
      <p:pic>
        <p:nvPicPr>
          <p:cNvPr id="25" name="Picture 4" descr="poste ip yealink t57w">
            <a:extLst>
              <a:ext uri="{FF2B5EF4-FFF2-40B4-BE49-F238E27FC236}">
                <a16:creationId xmlns:a16="http://schemas.microsoft.com/office/drawing/2014/main" id="{3DF6266B-C46B-E57B-23B9-3F385CCD8406}"/>
              </a:ext>
            </a:extLst>
          </p:cNvPr>
          <p:cNvPicPr>
            <a:picLocks noChangeAspect="1"/>
          </p:cNvPicPr>
          <p:nvPr/>
        </p:nvPicPr>
        <p:blipFill>
          <a:blip r:embed="rId7"/>
          <a:srcRect/>
          <a:stretch>
            <a:fillRect/>
          </a:stretch>
        </p:blipFill>
        <p:spPr>
          <a:xfrm>
            <a:off x="5222330" y="2769909"/>
            <a:ext cx="598057" cy="598057"/>
          </a:xfrm>
          <a:prstGeom prst="rect">
            <a:avLst/>
          </a:prstGeom>
          <a:noFill/>
          <a:ln cap="flat">
            <a:noFill/>
          </a:ln>
        </p:spPr>
      </p:pic>
      <p:pic>
        <p:nvPicPr>
          <p:cNvPr id="26" name="Picture 8" descr="Tote bag « Icône Microsoft Teams », par AGM97 | Redbubble">
            <a:extLst>
              <a:ext uri="{FF2B5EF4-FFF2-40B4-BE49-F238E27FC236}">
                <a16:creationId xmlns:a16="http://schemas.microsoft.com/office/drawing/2014/main" id="{68DF57FB-033A-3973-4AEC-A8F12A5E1118}"/>
              </a:ext>
            </a:extLst>
          </p:cNvPr>
          <p:cNvPicPr>
            <a:picLocks noChangeAspect="1"/>
          </p:cNvPicPr>
          <p:nvPr/>
        </p:nvPicPr>
        <p:blipFill>
          <a:blip r:embed="rId8"/>
          <a:srcRect/>
          <a:stretch>
            <a:fillRect/>
          </a:stretch>
        </p:blipFill>
        <p:spPr>
          <a:xfrm>
            <a:off x="5962014" y="2724008"/>
            <a:ext cx="520905" cy="665144"/>
          </a:xfrm>
          <a:prstGeom prst="rect">
            <a:avLst/>
          </a:prstGeom>
          <a:noFill/>
          <a:ln cap="flat">
            <a:noFill/>
          </a:ln>
        </p:spPr>
      </p:pic>
      <p:pic>
        <p:nvPicPr>
          <p:cNvPr id="27" name="Picture 26" descr="A cellphone with a screen on&#10;&#10;Description automatically generated">
            <a:extLst>
              <a:ext uri="{FF2B5EF4-FFF2-40B4-BE49-F238E27FC236}">
                <a16:creationId xmlns:a16="http://schemas.microsoft.com/office/drawing/2014/main" id="{B105F661-4B28-728B-947B-0EA01A8598D9}"/>
              </a:ext>
            </a:extLst>
          </p:cNvPr>
          <p:cNvPicPr>
            <a:picLocks noChangeAspect="1"/>
          </p:cNvPicPr>
          <p:nvPr/>
        </p:nvPicPr>
        <p:blipFill rotWithShape="1"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9885" t="10576" r="19195" b="6737"/>
          <a:stretch/>
        </p:blipFill>
        <p:spPr>
          <a:xfrm>
            <a:off x="4804853" y="2814432"/>
            <a:ext cx="239663" cy="48429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4207569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ZoneTexte 4">
            <a:extLst>
              <a:ext uri="{FF2B5EF4-FFF2-40B4-BE49-F238E27FC236}">
                <a16:creationId xmlns:a16="http://schemas.microsoft.com/office/drawing/2014/main" id="{A63BE9A8-3631-B993-1372-F5A50C3A686E}"/>
              </a:ext>
            </a:extLst>
          </p:cNvPr>
          <p:cNvSpPr txBox="1"/>
          <p:nvPr/>
        </p:nvSpPr>
        <p:spPr>
          <a:xfrm>
            <a:off x="2224757" y="2690336"/>
            <a:ext cx="7742505" cy="738664"/>
          </a:xfrm>
          <a:prstGeom prst="rect">
            <a:avLst/>
          </a:prstGeom>
          <a:noFill/>
        </p:spPr>
        <p:txBody>
          <a:bodyPr wrap="none" lIns="0" tIns="0" rIns="0" bIns="0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fr-FR" sz="4800" dirty="0">
                <a:solidFill>
                  <a:srgbClr val="FFFFFF"/>
                </a:solidFill>
                <a:latin typeface="+mj-lt"/>
              </a:rPr>
              <a:t>LA VRAIE CONVERGENCE</a:t>
            </a:r>
          </a:p>
        </p:txBody>
      </p:sp>
    </p:spTree>
    <p:extLst>
      <p:ext uri="{BB962C8B-B14F-4D97-AF65-F5344CB8AC3E}">
        <p14:creationId xmlns:p14="http://schemas.microsoft.com/office/powerpoint/2010/main" val="3482675316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0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xavier.demaret\AppData\Local\Templafy\AddIns\PowerPointVsto\dstny-Logo-Color.sv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1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2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3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4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5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6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7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8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ags/tag9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[SUBGRID]" val="[SubGrid]"/>
</p:tagLst>
</file>

<file path=ppt/theme/theme1.xml><?xml version="1.0" encoding="utf-8"?>
<a:theme xmlns:a="http://schemas.openxmlformats.org/drawingml/2006/main" name="Destiny Group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Destiny Group Template 16022022.potx" id="{2091FB53-23C0-4A08-9828-EBAEF3D67CEF}" vid="{D4ECF137-24D5-489A-9322-E3C30AE833FC}"/>
    </a:ext>
  </a:extLst>
</a:theme>
</file>

<file path=ppt/theme/theme10.xml><?xml version="1.0" encoding="utf-8"?>
<a:theme xmlns:a="http://schemas.openxmlformats.org/drawingml/2006/main" name="Office-tema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11.xml><?xml version="1.0" encoding="utf-8"?>
<a:theme xmlns:a="http://schemas.openxmlformats.org/drawingml/2006/main" name="Office Theme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2.xml><?xml version="1.0" encoding="utf-8"?>
<a:theme xmlns:a="http://schemas.openxmlformats.org/drawingml/2006/main" name="1_Destiny Group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Destiny Group Template 16022022.potx" id="{2091FB53-23C0-4A08-9828-EBAEF3D67CEF}" vid="{D4ECF137-24D5-489A-9322-E3C30AE833FC}"/>
    </a:ext>
  </a:extLst>
</a:theme>
</file>

<file path=ppt/theme/theme3.xml><?xml version="1.0" encoding="utf-8"?>
<a:theme xmlns:a="http://schemas.openxmlformats.org/drawingml/2006/main" name="2_Destiny Group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Destiny Group Template 16022022.potx" id="{2091FB53-23C0-4A08-9828-EBAEF3D67CEF}" vid="{D4ECF137-24D5-489A-9322-E3C30AE833FC}"/>
    </a:ext>
  </a:extLst>
</a:theme>
</file>

<file path=ppt/theme/theme4.xml><?xml version="1.0" encoding="utf-8"?>
<a:theme xmlns:a="http://schemas.openxmlformats.org/drawingml/2006/main" name="4_Destiny Group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Destiny Group Template 16022022.potx" id="{2091FB53-23C0-4A08-9828-EBAEF3D67CEF}" vid="{D4ECF137-24D5-489A-9322-E3C30AE833FC}"/>
    </a:ext>
  </a:extLst>
</a:theme>
</file>

<file path=ppt/theme/theme5.xml><?xml version="1.0" encoding="utf-8"?>
<a:theme xmlns:a="http://schemas.openxmlformats.org/drawingml/2006/main" name="5_Destiny Group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Destiny Group Template 16022022.potx" id="{2091FB53-23C0-4A08-9828-EBAEF3D67CEF}" vid="{D4ECF137-24D5-489A-9322-E3C30AE833FC}"/>
    </a:ext>
  </a:extLst>
</a:theme>
</file>

<file path=ppt/theme/theme6.xml><?xml version="1.0" encoding="utf-8"?>
<a:theme xmlns:a="http://schemas.openxmlformats.org/drawingml/2006/main" name="3_Destiny Group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Destiny Group Template 16022022.potx" id="{2091FB53-23C0-4A08-9828-EBAEF3D67CEF}" vid="{D4ECF137-24D5-489A-9322-E3C30AE833FC}"/>
    </a:ext>
  </a:extLst>
</a:theme>
</file>

<file path=ppt/theme/theme7.xml><?xml version="1.0" encoding="utf-8"?>
<a:theme xmlns:a="http://schemas.openxmlformats.org/drawingml/2006/main" name="6_Destiny Group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Destiny Group Template 16022022.potx" id="{2091FB53-23C0-4A08-9828-EBAEF3D67CEF}" vid="{D4ECF137-24D5-489A-9322-E3C30AE833FC}"/>
    </a:ext>
  </a:extLst>
</a:theme>
</file>

<file path=ppt/theme/theme8.xml><?xml version="1.0" encoding="utf-8"?>
<a:theme xmlns:a="http://schemas.openxmlformats.org/drawingml/2006/main" name="6_Destiny Group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Destiny Group Template 16022022.potx" id="{2091FB53-23C0-4A08-9828-EBAEF3D67CEF}" vid="{D4ECF137-24D5-489A-9322-E3C30AE833FC}"/>
    </a:ext>
  </a:extLst>
</a:theme>
</file>

<file path=ppt/theme/theme9.xml><?xml version="1.0" encoding="utf-8"?>
<a:theme xmlns:a="http://schemas.openxmlformats.org/drawingml/2006/main" name="7_Destiny Group">
  <a:themeElements>
    <a:clrScheme name="Destiny Group">
      <a:dk1>
        <a:srgbClr val="000000"/>
      </a:dk1>
      <a:lt1>
        <a:srgbClr val="FFFFFF"/>
      </a:lt1>
      <a:dk2>
        <a:srgbClr val="261616"/>
      </a:dk2>
      <a:lt2>
        <a:srgbClr val="FFFFFF"/>
      </a:lt2>
      <a:accent1>
        <a:srgbClr val="1BA9B5"/>
      </a:accent1>
      <a:accent2>
        <a:srgbClr val="FE9305"/>
      </a:accent2>
      <a:accent3>
        <a:srgbClr val="B41284"/>
      </a:accent3>
      <a:accent4>
        <a:srgbClr val="7E0A5C"/>
      </a:accent4>
      <a:accent5>
        <a:srgbClr val="FFE655"/>
      </a:accent5>
      <a:accent6>
        <a:srgbClr val="005C87"/>
      </a:accent6>
      <a:hlink>
        <a:srgbClr val="7E0A5C"/>
      </a:hlink>
      <a:folHlink>
        <a:srgbClr val="005C87"/>
      </a:folHlink>
    </a:clrScheme>
    <a:fontScheme name="Destiny Group">
      <a:majorFont>
        <a:latin typeface="Dstny Headline"/>
        <a:ea typeface=""/>
        <a:cs typeface=""/>
      </a:majorFont>
      <a:minorFont>
        <a:latin typeface="Dstny Body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ln>
          <a:solidFill>
            <a:schemeClr val="accent1"/>
          </a:solidFill>
        </a:ln>
      </a:spPr>
      <a:bodyPr lIns="72000" tIns="36000" rIns="72000" bIns="36000" rtlCol="0" anchor="ctr"/>
      <a:lstStyle>
        <a:defPPr algn="ctr">
          <a:defRPr noProof="0"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6350">
          <a:solidFill>
            <a:schemeClr val="accent1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Destiny Group Template 16022022.potx" id="{2091FB53-23C0-4A08-9828-EBAEF3D67CEF}" vid="{D4ECF137-24D5-489A-9322-E3C30AE833FC}"/>
    </a:ext>
  </a:extLst>
</a:them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350" row="0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65496825-DDEB-D44F-8777-255B24ABD3DD}">
  <we:reference id="537fa175-c8e8-4a40-8fa7-241e9bdde657" version="1.0.0.7" store="EXCatalog" storeType="EXCatalog"/>
  <we:alternateReferences/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_ip_UnifiedCompliancePolicyUIAction xmlns="http://schemas.microsoft.com/sharepoint/v3" xsi:nil="true"/>
    <_ip_UnifiedCompliancePolicyProperties xmlns="http://schemas.microsoft.com/sharepoint/v3" xsi:nil="true"/>
    <lcf76f155ced4ddcb4097134ff3c332f xmlns="7d50630c-d07f-4f2c-b8c9-afa80e84f762">
      <Terms xmlns="http://schemas.microsoft.com/office/infopath/2007/PartnerControls"/>
    </lcf76f155ced4ddcb4097134ff3c332f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],"formDataEntries":[]}]]></TemplafyFormConfiguration>
</file>

<file path=customXml/item6.xml><?xml version="1.0" encoding="utf-8"?>
<TemplafySlideTemplateConfiguration><![CDATA[{"slideVersion":1,"isValidatorEnabled":false,"isLocked":false,"elementsMetadata":[],"slideId":"637811090696253874","enableDocumentContentUpdater":false,"version":"2.0"}]]></TemplafySlideTemplateConfiguration>
</file>

<file path=customXml/item7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6503673B68270D478ED4CCF4E489A5A7" ma:contentTypeVersion="16" ma:contentTypeDescription="Crée un document." ma:contentTypeScope="" ma:versionID="b5239430bfe7181808fb95a68e43882e">
  <xsd:schema xmlns:xsd="http://www.w3.org/2001/XMLSchema" xmlns:xs="http://www.w3.org/2001/XMLSchema" xmlns:p="http://schemas.microsoft.com/office/2006/metadata/properties" xmlns:ns1="http://schemas.microsoft.com/sharepoint/v3" xmlns:ns2="7d50630c-d07f-4f2c-b8c9-afa80e84f762" xmlns:ns3="cb30489a-3824-4681-92db-8d636b91779e" targetNamespace="http://schemas.microsoft.com/office/2006/metadata/properties" ma:root="true" ma:fieldsID="500910d2ad7e20c588e144d5cf63729f" ns1:_="" ns2:_="" ns3:_="">
    <xsd:import namespace="http://schemas.microsoft.com/sharepoint/v3"/>
    <xsd:import namespace="7d50630c-d07f-4f2c-b8c9-afa80e84f762"/>
    <xsd:import namespace="cb30489a-3824-4681-92db-8d636b91779e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MediaServiceDateTaken" minOccurs="0"/>
                <xsd:element ref="ns2:MediaLengthInSeconds" minOccurs="0"/>
                <xsd:element ref="ns1:_ip_UnifiedCompliancePolicyProperties" minOccurs="0"/>
                <xsd:element ref="ns1:_ip_UnifiedCompliancePolicyUIAction" minOccurs="0"/>
                <xsd:element ref="ns2:lcf76f155ced4ddcb4097134ff3c332f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3:SharedWithUsers" minOccurs="0"/>
                <xsd:element ref="ns3:SharedWithDetails" minOccurs="0"/>
                <xsd:element ref="ns2:MediaServiceLocation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http://schemas.microsoft.com/sharepoint/v3" elementFormDefault="qualified">
    <xsd:import namespace="http://schemas.microsoft.com/office/2006/documentManagement/types"/>
    <xsd:import namespace="http://schemas.microsoft.com/office/infopath/2007/PartnerControls"/>
    <xsd:element name="_ip_UnifiedCompliancePolicyProperties" ma:index="14" nillable="true" ma:displayName="Propriétés de la stratégie de conformité unifiée" ma:hidden="true" ma:internalName="_ip_UnifiedCompliancePolicyProperties">
      <xsd:simpleType>
        <xsd:restriction base="dms:Note"/>
      </xsd:simpleType>
    </xsd:element>
    <xsd:element name="_ip_UnifiedCompliancePolicyUIAction" ma:index="15" nillable="true" ma:displayName="Action d’interface utilisateur de la stratégie de conformité unifiée" ma:hidden="true" ma:internalName="_ip_UnifiedCompliancePolicyUIAction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d50630c-d07f-4f2c-b8c9-afa80e84f76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1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LengthInSeconds" ma:index="13" nillable="true" ma:displayName="MediaLengthInSeconds" ma:hidden="true" ma:internalName="MediaLengthInSeconds" ma:readOnly="true">
      <xsd:simpleType>
        <xsd:restriction base="dms:Unknown"/>
      </xsd:simpleType>
    </xsd:element>
    <xsd:element name="lcf76f155ced4ddcb4097134ff3c332f" ma:index="17" nillable="true" ma:taxonomy="true" ma:internalName="lcf76f155ced4ddcb4097134ff3c332f" ma:taxonomyFieldName="MediaServiceImageTags" ma:displayName="Balises d’images" ma:readOnly="false" ma:fieldId="{5cf76f15-5ced-4ddc-b409-7134ff3c332f}" ma:taxonomyMulti="true" ma:sspId="20ef2e07-e98c-4223-a333-b09e5a72d99d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20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23" nillable="true" ma:displayName="Location" ma:description="" ma:indexed="true" ma:internalName="MediaServiceLocation" ma:readOnly="true">
      <xsd:simpleType>
        <xsd:restriction base="dms:Text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cb30489a-3824-4681-92db-8d636b91779e" elementFormDefault="qualified">
    <xsd:import namespace="http://schemas.microsoft.com/office/2006/documentManagement/types"/>
    <xsd:import namespace="http://schemas.microsoft.com/office/infopath/2007/PartnerControls"/>
    <xsd:element name="SharedWithUsers" ma:index="21" nillable="true" ma:displayName="Partagé avec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22" nillable="true" ma:displayName="Partagé avec dé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Type de contenu"/>
        <xsd:element ref="dc:title" minOccurs="0" maxOccurs="1" ma:index="4" ma:displayName="Titr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Props1.xml><?xml version="1.0" encoding="utf-8"?>
<ds:datastoreItem xmlns:ds="http://schemas.openxmlformats.org/officeDocument/2006/customXml" ds:itemID="{1230BD8E-4733-47FD-A3ED-B7D1B63C259F}">
  <ds:schemaRefs/>
</ds:datastoreItem>
</file>

<file path=customXml/itemProps2.xml><?xml version="1.0" encoding="utf-8"?>
<ds:datastoreItem xmlns:ds="http://schemas.openxmlformats.org/officeDocument/2006/customXml" ds:itemID="{919F682A-206F-44A9-BCB6-38D9A589D912}">
  <ds:schemaRefs>
    <ds:schemaRef ds:uri="http://purl.org/dc/terms/"/>
    <ds:schemaRef ds:uri="http://purl.org/dc/dcmitype/"/>
    <ds:schemaRef ds:uri="http://purl.org/dc/elements/1.1/"/>
    <ds:schemaRef ds:uri="http://schemas.microsoft.com/office/2006/metadata/properties"/>
    <ds:schemaRef ds:uri="http://schemas.microsoft.com/office/2006/documentManagement/types"/>
    <ds:schemaRef ds:uri="http://schemas.microsoft.com/office/infopath/2007/PartnerControls"/>
    <ds:schemaRef ds:uri="cb30489a-3824-4681-92db-8d636b91779e"/>
    <ds:schemaRef ds:uri="http://www.w3.org/XML/1998/namespace"/>
    <ds:schemaRef ds:uri="http://schemas.openxmlformats.org/package/2006/metadata/core-properties"/>
    <ds:schemaRef ds:uri="7d50630c-d07f-4f2c-b8c9-afa80e84f762"/>
    <ds:schemaRef ds:uri="http://schemas.microsoft.com/sharepoint/v3"/>
  </ds:schemaRefs>
</ds:datastoreItem>
</file>

<file path=customXml/itemProps3.xml><?xml version="1.0" encoding="utf-8"?>
<ds:datastoreItem xmlns:ds="http://schemas.openxmlformats.org/officeDocument/2006/customXml" ds:itemID="{634F4FA8-F25C-4CFC-9DB6-C45FA8779E72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712F17D2-A474-3D44-9EA9-2BFB57463BB1}">
  <ds:schemaRefs/>
</ds:datastoreItem>
</file>

<file path=customXml/itemProps5.xml><?xml version="1.0" encoding="utf-8"?>
<ds:datastoreItem xmlns:ds="http://schemas.openxmlformats.org/officeDocument/2006/customXml" ds:itemID="{AABDB93E-794B-41BD-AEF2-0495B271C4CE}">
  <ds:schemaRefs/>
</ds:datastoreItem>
</file>

<file path=customXml/itemProps6.xml><?xml version="1.0" encoding="utf-8"?>
<ds:datastoreItem xmlns:ds="http://schemas.openxmlformats.org/officeDocument/2006/customXml" ds:itemID="{7D8AB52B-D41F-3843-BD51-F9CE1F651A4C}">
  <ds:schemaRefs/>
</ds:datastoreItem>
</file>

<file path=customXml/itemProps7.xml><?xml version="1.0" encoding="utf-8"?>
<ds:datastoreItem xmlns:ds="http://schemas.openxmlformats.org/officeDocument/2006/customXml" ds:itemID="{41CE5F2C-52D2-4DC1-817C-2FC070E1C59C}"/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2494</Words>
  <Application>Microsoft Macintosh PowerPoint</Application>
  <PresentationFormat>Widescreen</PresentationFormat>
  <Paragraphs>515</Paragraphs>
  <Slides>34</Slides>
  <Notes>18</Notes>
  <HiddenSlides>0</HiddenSlides>
  <MMClips>1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9</vt:i4>
      </vt:variant>
      <vt:variant>
        <vt:lpstr>Slide Titles</vt:lpstr>
      </vt:variant>
      <vt:variant>
        <vt:i4>34</vt:i4>
      </vt:variant>
    </vt:vector>
  </HeadingPairs>
  <TitlesOfParts>
    <vt:vector size="48" baseType="lpstr">
      <vt:lpstr>Wingdings</vt:lpstr>
      <vt:lpstr>Dstny Headline</vt:lpstr>
      <vt:lpstr>Dstny Body</vt:lpstr>
      <vt:lpstr>Fira Sans Extra Condensed Medium</vt:lpstr>
      <vt:lpstr>Arial</vt:lpstr>
      <vt:lpstr>Destiny Group</vt:lpstr>
      <vt:lpstr>1_Destiny Group</vt:lpstr>
      <vt:lpstr>2_Destiny Group</vt:lpstr>
      <vt:lpstr>4_Destiny Group</vt:lpstr>
      <vt:lpstr>5_Destiny Group</vt:lpstr>
      <vt:lpstr>3_Destiny Group</vt:lpstr>
      <vt:lpstr>6_Destiny Group</vt:lpstr>
      <vt:lpstr>6_Destiny Group</vt:lpstr>
      <vt:lpstr>7_Destiny Group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VALORISEZ CHACUNE DE VOS CONVERSATIONS</vt:lpstr>
      <vt:lpstr>PRENEZ LE POULS DE VOS COMMUNICATIONS</vt:lpstr>
      <vt:lpstr>RELIEZ, RÉAGISSEZ, RENFORCEZ</vt:lpstr>
      <vt:lpstr>RELIEZ, RÉAGISSEZ, RENFORCEZ</vt:lpstr>
      <vt:lpstr>ENRICHISSEZ L’EXPÉRIENCE DE VOS CLIENTS</vt:lpstr>
      <vt:lpstr>SIMPLIFIEZ VOTRE GESTION AVEC MYADMIN</vt:lpstr>
      <vt:lpstr>PowerPoint Presentation</vt:lpstr>
      <vt:lpstr>CONNECTEZ, COLLABOREZ, CONTRIBUEZ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LES TARIFS </vt:lpstr>
      <vt:lpstr>PowerPoint Presentation</vt:lpstr>
      <vt:lpstr>PowerPoint Presentation</vt:lpstr>
      <vt:lpstr>DÉCATHLON RÉVOLUTIONNE SA COMMUNICATION</vt:lpstr>
      <vt:lpstr>PowerPoint Presentation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2-09-22T09:20:48Z</dcterms:created>
  <dcterms:modified xsi:type="dcterms:W3CDTF">2023-11-15T20:49:16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reated by:">
    <vt:lpwstr>www.omnidocs.com</vt:lpwstr>
  </property>
  <property fmtid="{D5CDD505-2E9C-101B-9397-08002B2CF9AE}" pid="3" name="TemplafyTimeStamp">
    <vt:lpwstr>2022-02-22T06:44:29</vt:lpwstr>
  </property>
  <property fmtid="{D5CDD505-2E9C-101B-9397-08002B2CF9AE}" pid="4" name="TemplafyTenantId">
    <vt:lpwstr>dstny</vt:lpwstr>
  </property>
  <property fmtid="{D5CDD505-2E9C-101B-9397-08002B2CF9AE}" pid="5" name="TemplafyTemplateId">
    <vt:lpwstr>637811090689096847</vt:lpwstr>
  </property>
  <property fmtid="{D5CDD505-2E9C-101B-9397-08002B2CF9AE}" pid="6" name="TemplafyUserProfileId">
    <vt:lpwstr>637816415232716686</vt:lpwstr>
  </property>
  <property fmtid="{D5CDD505-2E9C-101B-9397-08002B2CF9AE}" pid="7" name="TemplafyFromBlank">
    <vt:bool>true</vt:bool>
  </property>
  <property fmtid="{D5CDD505-2E9C-101B-9397-08002B2CF9AE}" pid="8" name="ContentTypeId">
    <vt:lpwstr>0x01010072DED9CB5091DB46A95211629E500238</vt:lpwstr>
  </property>
  <property fmtid="{D5CDD505-2E9C-101B-9397-08002B2CF9AE}" pid="9" name="MediaServiceImageTags">
    <vt:lpwstr/>
  </property>
</Properties>
</file>